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565_2021 Prenájom veľkokapacitných multifunkčných zariadení\02. Príprava 565\04. PTK 565\01. Odoslanie PTK\"/>
    </mc:Choice>
  </mc:AlternateContent>
  <bookViews>
    <workbookView xWindow="0" yWindow="0" windowWidth="23040" windowHeight="9195"/>
  </bookViews>
  <sheets>
    <sheet name="Cenová ponuka" sheetId="8" r:id="rId1"/>
  </sheets>
  <definedNames>
    <definedName name="_xlnm.Print_Area" localSheetId="0">'Cenová ponuka'!$B$1:$F$20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1" uniqueCount="297">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xxx</t>
  </si>
  <si>
    <t xml:space="preserve">2. </t>
  </si>
  <si>
    <t xml:space="preserve">4. </t>
  </si>
  <si>
    <t>5.</t>
  </si>
  <si>
    <t>3.</t>
  </si>
  <si>
    <t>6.</t>
  </si>
  <si>
    <t>7.</t>
  </si>
  <si>
    <t>8.</t>
  </si>
  <si>
    <t>2.1</t>
  </si>
  <si>
    <t>2</t>
  </si>
  <si>
    <t>1.1</t>
  </si>
  <si>
    <t>1.2</t>
  </si>
  <si>
    <t>1.3</t>
  </si>
  <si>
    <t>1.4</t>
  </si>
  <si>
    <t>1.5</t>
  </si>
  <si>
    <t>1.6</t>
  </si>
  <si>
    <t>2.2</t>
  </si>
  <si>
    <t>2.3</t>
  </si>
  <si>
    <t>2.4</t>
  </si>
  <si>
    <t>2.5</t>
  </si>
  <si>
    <t>2.6</t>
  </si>
  <si>
    <t>2.7</t>
  </si>
  <si>
    <t>2.8</t>
  </si>
  <si>
    <t>3.1</t>
  </si>
  <si>
    <t>3.2</t>
  </si>
  <si>
    <t>3.3</t>
  </si>
  <si>
    <t>3.4</t>
  </si>
  <si>
    <t>3.5</t>
  </si>
  <si>
    <t>3.6</t>
  </si>
  <si>
    <t>4.1</t>
  </si>
  <si>
    <t>4.2</t>
  </si>
  <si>
    <t>4.3</t>
  </si>
  <si>
    <t>4.4</t>
  </si>
  <si>
    <t>4.5</t>
  </si>
  <si>
    <t>služba</t>
  </si>
  <si>
    <t>Kalkulácia ceny a návrh na plnenie kritéria na vyhodnotenie ponúk - Štruktúrovaný rozpočet ceny predmetu zákazky</t>
  </si>
  <si>
    <t>79820000-8 - Služby súvisiace s tlačou</t>
  </si>
  <si>
    <t>60000000-8 - Dopravné služby (bez prepravy odpadu)</t>
  </si>
  <si>
    <t>Prenájom veľkokapacitných multifunkčných zariadení</t>
  </si>
  <si>
    <t>Prenájom nových nepoužívaných  farebných laserových multifunkčných zariadení A4/A3 s funkciou: čiernobiela a farebná tlač, kopírovanie, skenovanie a distribúcia skenovaných dokumentov do priečinkov vrátane poskytovania  údržby a servisných služieb k zariadeniam a zabezpečovanie dodávok spotrebného materiálu (okrem papiera) po dobu trvania zmluvného vzťahu, ktorá je  v rozsahu 48 mesiacov.</t>
  </si>
  <si>
    <t>ks</t>
  </si>
  <si>
    <t>Položka č. 2</t>
  </si>
  <si>
    <t>Multifunkčné zariadenie - Riaditeľstvo</t>
  </si>
  <si>
    <t>Multifunkčné zariadenie - Podateľňa a VO</t>
  </si>
  <si>
    <t>Položka č. 1 - Multifunkčné zariadenie - Riaditeľstvo</t>
  </si>
  <si>
    <r>
      <t xml:space="preserve">Multifunkčné zariadenie typ A </t>
    </r>
    <r>
      <rPr>
        <sz val="10"/>
        <rFont val="Arial"/>
        <family val="2"/>
        <charset val="238"/>
      </rPr>
      <t>(rýchlosť min. 50 strán A4/min)</t>
    </r>
  </si>
  <si>
    <t>Formát spracovateľných dokumentov: A6R - SRA3</t>
  </si>
  <si>
    <t xml:space="preserve">Funkcie: farebná tlačiareň, skener, kopírka </t>
  </si>
  <si>
    <t xml:space="preserve">Originálne (nové) zariadenie, nepoužívané (zariadenie nesmie byť repasované) </t>
  </si>
  <si>
    <t>Rozhrania: 10/100/1000 Base-T Ethernet, USB 2.0</t>
  </si>
  <si>
    <t>Doba zahrievania: do 18 sekúnd</t>
  </si>
  <si>
    <t xml:space="preserve">Pamäť:  min. 4 GB štandardne </t>
  </si>
  <si>
    <t>1.7</t>
  </si>
  <si>
    <t>Pevný disk: 8GB SSD + 320 GB HDD</t>
  </si>
  <si>
    <t>1.8</t>
  </si>
  <si>
    <t>Podpora OS: MS Windows 7, 8.1; MS Windows 10 a vyšší</t>
  </si>
  <si>
    <t>1.9</t>
  </si>
  <si>
    <t>Odomykanie zariadenia: kódom, heslom, RFID kartou (čipom)</t>
  </si>
  <si>
    <t>1.10</t>
  </si>
  <si>
    <t>Čítačka RFID kariet (čipov): min 1ks integrovaná do tela zariadenia</t>
  </si>
  <si>
    <t>1.11</t>
  </si>
  <si>
    <t>Podstavec: podstavec od výrobcu zariadenia na koleskach, s dvierkami a odkladacím priestorom</t>
  </si>
  <si>
    <t>1.12</t>
  </si>
  <si>
    <t>Obstarávateľom stanovený predpoklad rozsahu využitia prenajatých zariadení  typ A:</t>
  </si>
  <si>
    <t>1.12.1</t>
  </si>
  <si>
    <t>1.12.2</t>
  </si>
  <si>
    <t>1.12.3</t>
  </si>
  <si>
    <t>1.12.4</t>
  </si>
  <si>
    <t>1.13</t>
  </si>
  <si>
    <t>Funkcie TLAČ a KOPÍROVANIE</t>
  </si>
  <si>
    <t>1.13.1</t>
  </si>
  <si>
    <t>Spôsob tlače a kopírovania: laser</t>
  </si>
  <si>
    <t>1.13.2</t>
  </si>
  <si>
    <t>Funkcie tlače: priama tlač, tlač čakajúca na výzvu užívateľa  ( follow me print )</t>
  </si>
  <si>
    <t>1.13.3</t>
  </si>
  <si>
    <t xml:space="preserve">Kvalita tlače: min. 1200 x 1200 dpi </t>
  </si>
  <si>
    <t>1.13.4</t>
  </si>
  <si>
    <t>Kvalita kopírovania: min. 600 x 600 dpi</t>
  </si>
  <si>
    <t>1.13.5</t>
  </si>
  <si>
    <t>Obojstranná tlač: áno</t>
  </si>
  <si>
    <t>1.13.6</t>
  </si>
  <si>
    <t>1.13.7</t>
  </si>
  <si>
    <t>Predvoľba počtu kópií:   1 - 999</t>
  </si>
  <si>
    <t>1.13.8</t>
  </si>
  <si>
    <t xml:space="preserve">Zmenšenie/zväčšenie kópií:  25 až 400% po 1% </t>
  </si>
  <si>
    <t>1.13.9</t>
  </si>
  <si>
    <t xml:space="preserve">Gramáž papiera: minimálny rozsah 55 - 300 g/m2 </t>
  </si>
  <si>
    <t>1.13.10</t>
  </si>
  <si>
    <t>1.13.11</t>
  </si>
  <si>
    <t>1.13.12</t>
  </si>
  <si>
    <t>Tlačové jazyky: PCL 6, Postscript 3, XPS</t>
  </si>
  <si>
    <t>1.13.13</t>
  </si>
  <si>
    <t>1.13.14</t>
  </si>
  <si>
    <t>Tlač z pamäťového média: USB flash pamäťový kľúč</t>
  </si>
  <si>
    <t>1.13.15</t>
  </si>
  <si>
    <t xml:space="preserve">Čas vytlačenia prvej strany: do 5 sekúnd čiernobielo; do 6 sekúnd farebne </t>
  </si>
  <si>
    <t>1.13.16</t>
  </si>
  <si>
    <t>Rýchlosť tlače/kopírovania A4: min. 50 str./min čiernobielo aj farebne</t>
  </si>
  <si>
    <t>1.13.17</t>
  </si>
  <si>
    <t xml:space="preserve">Rýchlosť tlače/kopírovania A3: min. 24 str./min čiernobielo aj farebne </t>
  </si>
  <si>
    <t>1.13.18</t>
  </si>
  <si>
    <t>1.13.19</t>
  </si>
  <si>
    <t xml:space="preserve">Vstupná kapacita:  min. 2x vstupný zásobník - každý na min. 500 listov; ručný podávač na min. 150 listov </t>
  </si>
  <si>
    <t>1.14</t>
  </si>
  <si>
    <t>Funkcia SKENER</t>
  </si>
  <si>
    <t>1.14.1</t>
  </si>
  <si>
    <t>Farebné skenovanie: áno</t>
  </si>
  <si>
    <t>1.14.2</t>
  </si>
  <si>
    <t>1.14.3</t>
  </si>
  <si>
    <t>Max veľkosť originálu: A3</t>
  </si>
  <si>
    <t>1.14.4</t>
  </si>
  <si>
    <t>Obojstranné skenovanie: áno, pomocou jednoprechodového podávača</t>
  </si>
  <si>
    <t>1.14.5</t>
  </si>
  <si>
    <t>Manuálne skenovanie: možnosť postupného prikladania strán dokumentu až do dokončenia po poslednej odskenovanej strane</t>
  </si>
  <si>
    <t>1.14.6</t>
  </si>
  <si>
    <t>Rozlíšenie skenovania: voliteľné, min.300 dpi</t>
  </si>
  <si>
    <t>1.14.7</t>
  </si>
  <si>
    <t>1.14.8</t>
  </si>
  <si>
    <t>1.14.9</t>
  </si>
  <si>
    <t>Funkcie skenovania: skenovacie profily užívateľov, podpora LDAP, adresár s uloženými, často používanými e-mail schránkam</t>
  </si>
  <si>
    <t>Predpokladaný počet čiernobielych strán A4 za 48 mesiacov: 180 000</t>
  </si>
  <si>
    <t>Predpokladaný počet farebných strán A4 s farebným pokrytím do 2% z každej farby osobitne za 48 mesiacov: 280 000</t>
  </si>
  <si>
    <t>Predpokladaný počet farebných strán A4 s farebným pokrytím do 10% z každej farby osobitne za 48 mesiacov: 55 000</t>
  </si>
  <si>
    <t>Predpokladaný počet farebných strán A4 s farebným pokrytím nad 10% z každej farby osobitne za 48 mesiacov: 5 000</t>
  </si>
  <si>
    <t>Obojstranné kopírovanie: áno, zo skla alebo pomocou obojstranného jednoprechodového podávača</t>
  </si>
  <si>
    <t xml:space="preserve">Gramáž a rozmer papiera pre obojstrannú tlač a kopírovanie: 65 - 250 g/m2; A6R - SRA3 </t>
  </si>
  <si>
    <t xml:space="preserve">Formát papiera: A6R - SRA3, dlhý papier - dĺžka min. 1 210 mm; šírka min. 300 mm </t>
  </si>
  <si>
    <t xml:space="preserve">Podpora tlače z mobilu a tabletu: AirPrint (iOS), Mopria (Android), Direct Wi-Fi </t>
  </si>
  <si>
    <t>Podávač dokumentov: obojstranný jednoprechodový, na min. 50 hárkov; 45 - 160 g/m² simplex</t>
  </si>
  <si>
    <t>Rýchlosť skenovania pre jednostranné dokumenty: minimálne 48 strán za minútu farebne aj čiernobielo jednostranne</t>
  </si>
  <si>
    <t>Formát súboru skenovaného dokumentu: PDF, TIFF, JPEG, kompaktné PDF, šifrované PDF, XPS</t>
  </si>
  <si>
    <t>Cieľ skenovania: skenovanie do emailu, do zložky SMB, na USB pamäť, na FTP</t>
  </si>
  <si>
    <r>
      <t xml:space="preserve">Multifunkčné zariadenie typ B </t>
    </r>
    <r>
      <rPr>
        <sz val="10"/>
        <rFont val="Arial"/>
        <family val="2"/>
        <charset val="238"/>
      </rPr>
      <t>(rýchlosť min. 25 strán A4/min)</t>
    </r>
  </si>
  <si>
    <t>2.9</t>
  </si>
  <si>
    <t>2.10</t>
  </si>
  <si>
    <t>2.11</t>
  </si>
  <si>
    <t>2.12</t>
  </si>
  <si>
    <t>Obstarávateľom stanovený predpoklad rozsahu využitia prenajatých zariadení  typ B:</t>
  </si>
  <si>
    <t>2.12.1</t>
  </si>
  <si>
    <t>2.12.2</t>
  </si>
  <si>
    <t>2.12.3</t>
  </si>
  <si>
    <t>2.12.4</t>
  </si>
  <si>
    <t>2.13</t>
  </si>
  <si>
    <t>2.13.1</t>
  </si>
  <si>
    <t>2.13.2</t>
  </si>
  <si>
    <t>2.13.3</t>
  </si>
  <si>
    <t>2.13.4</t>
  </si>
  <si>
    <t>2.13.5</t>
  </si>
  <si>
    <t>2.13.6</t>
  </si>
  <si>
    <t>2.13.7</t>
  </si>
  <si>
    <t>2.13.8</t>
  </si>
  <si>
    <t>2.13.9</t>
  </si>
  <si>
    <t>2.13.10</t>
  </si>
  <si>
    <t>2.13.11</t>
  </si>
  <si>
    <t>2.13.12</t>
  </si>
  <si>
    <t>2.13.13</t>
  </si>
  <si>
    <t>2.13.14</t>
  </si>
  <si>
    <t>2.13.15</t>
  </si>
  <si>
    <t>2.13.16</t>
  </si>
  <si>
    <t>Rýchlosť tlače/kopírovania A4: min. 25 str./min čiernobielo aj farebne</t>
  </si>
  <si>
    <t>2.13.17</t>
  </si>
  <si>
    <t xml:space="preserve">Rýchlosť tlače/kopírovania A3: min. 12 str./min čiernobielo aj farebne </t>
  </si>
  <si>
    <t>2.13.18</t>
  </si>
  <si>
    <t>2.13.19</t>
  </si>
  <si>
    <t>2.14</t>
  </si>
  <si>
    <t>2.14.1</t>
  </si>
  <si>
    <t>2.14.2</t>
  </si>
  <si>
    <t>2.14.3</t>
  </si>
  <si>
    <t>2.14.4</t>
  </si>
  <si>
    <t>2.14.5</t>
  </si>
  <si>
    <t>2.14.6</t>
  </si>
  <si>
    <t>2.14.7</t>
  </si>
  <si>
    <t>2.14.8</t>
  </si>
  <si>
    <t>2.14.9</t>
  </si>
  <si>
    <t>Predpokladaný počet čiernobielych strán A4 za 48 mesiacov:  300 000</t>
  </si>
  <si>
    <t>Predpokladaný počet farebných strán A4 s farebným pokrytím do 2% z každej farby osobitne za 48 mesiacov: 250 000</t>
  </si>
  <si>
    <t>Predpokladaný počet farebných strán A4 s farebným pokrytím do 10% z každej farby osobitne za 48 mesiacov: 80 000</t>
  </si>
  <si>
    <t>Predpokladaný počet farebných strán A4 s farebným pokrytím nad 10% z každej farby osobitne za 48 mesiacov:  2 000</t>
  </si>
  <si>
    <t xml:space="preserve">Používatelia a skupiny používateľov: prístup a používanie zariadenia centrálne konfigurovateľné podľa pomenovaných používateľov a skupín </t>
  </si>
  <si>
    <t>Nastavenia vlastností tlačových front: musí byť možné prednastaviť minimálne 10 druhov tlačových front, ktoré používateľ na svojom PC uvidí ako pomenované tlačiarne k rôznym typom tlačových úloh (napr. čiernobiely výstup, farebný výstup, ekonomická tlač, obojstranná/jednostraná tlač, odložená tlačová úloha s vytlačením až po autentifikácii sa používateľa na zariadení a pod.</t>
  </si>
  <si>
    <t>Prihlásenie sa (autentifikácia) používateľa na zariadenie: pomocou PIN kódu a musí byť možný aj priložením čipového prívesku typ ATS 1477 (výrobca UTC Fire &amp; Security)</t>
  </si>
  <si>
    <t>Čítačka čipových kariet a príveskov: musí byť v multifunkčnom zariadení pevne integrovaná a kompatibilná s čipovým príveskom typ ATS 1477 (výrobca UTC Fire &amp; Security), ktorý obstarávateľ už má integrovaný zo inými dôležitými systémami ako je dochádzkový, prístupový, stravný, parkovací systém atď.</t>
  </si>
  <si>
    <t>Odložená tlačová úloha: musí byť možné tlačovú úlohu odložiť k vytlačeniu na zariadení až po autentifikácii používateľa na zariadení</t>
  </si>
  <si>
    <t>Prehľady a vyhodnotenia: požadovaná je možnosť štatistických prehľadov o aktivitách používateľov a to hlavne vyhodnotenie množstva a typu tlačových a skenovaných výstupov za zvolené obdobie</t>
  </si>
  <si>
    <t>4. Služby poskytované s prenájmom multifunkčných zariadení</t>
  </si>
  <si>
    <t>3. Ostatné funkcie multifunkčného zariadenia / obslužného softvéru</t>
  </si>
  <si>
    <t>Pravidelná údržba v rozsahu a intervaloch stanovených výrobcom zariadenia</t>
  </si>
  <si>
    <t>Nastavenia a aktuálizáciu firmware zariadení</t>
  </si>
  <si>
    <t>Udržiavanie zariadení v prevádzkyschopnom stave vrátane údržby po opotrebovaní jednotlivých častí zariadenia zahŕňajúca prácu servisného technika pri lokalizácii a odstránení poruchy zariadenia v mieste inštalácie zariadenia a cestovné náklady technika</t>
  </si>
  <si>
    <t xml:space="preserve">Kompletný servis pri poruche zariadenia v mieste inštalácie tohto zariadenia, a to najmä vykonanie opráv, dodávky a montáže originálnych náhradných dielov v prípade potreby ich výmeny z dôvodu opotrebovania </t>
  </si>
  <si>
    <t>Pre prenajaté zariadenie zabezpečiť dodávky od výrobcu zariadenia originálneho spotrebného materiálu (náhradných originálnych tonerov, fotovalcov, odpadových nádob, fixačných a prenosových jednotiek a podobne)</t>
  </si>
  <si>
    <t>Požaduje sa počas doby opravy, ktorá trvá dlhšie ako 2 dni - do max ďalšieho 1 pracovného dňa dodanie náhradného zariadenia s rovnakými alebo lepšími technickými parametrami ako pôvodne prenajaté zariadenie.</t>
  </si>
  <si>
    <t>Položka č. 2 - Multifunkčné zariadenie 2 ks - Podateľňa a VO</t>
  </si>
  <si>
    <r>
      <t xml:space="preserve">Požadované minimálne technické vlastnosti, parametre a hodnoty predmetu zákazky
</t>
    </r>
    <r>
      <rPr>
        <sz val="10"/>
        <color theme="1"/>
        <rFont val="Arial"/>
        <family val="2"/>
        <charset val="238"/>
      </rPr>
      <t>- môžu byť aj rovnako výkonné alebo výkonnejšie ekvivalenty</t>
    </r>
  </si>
  <si>
    <t>9.</t>
  </si>
  <si>
    <t>10.</t>
  </si>
  <si>
    <t>11.</t>
  </si>
  <si>
    <t>12.</t>
  </si>
  <si>
    <t>13.</t>
  </si>
  <si>
    <t>14.</t>
  </si>
  <si>
    <t>15.</t>
  </si>
  <si>
    <t>16.</t>
  </si>
  <si>
    <t>17.</t>
  </si>
  <si>
    <t>18.</t>
  </si>
  <si>
    <t>19.</t>
  </si>
  <si>
    <t>20.</t>
  </si>
  <si>
    <t>21.</t>
  </si>
  <si>
    <t>22.</t>
  </si>
  <si>
    <t>23.</t>
  </si>
  <si>
    <t>24.</t>
  </si>
  <si>
    <t>25.</t>
  </si>
  <si>
    <t>26.</t>
  </si>
  <si>
    <t>27.</t>
  </si>
  <si>
    <t>28.</t>
  </si>
  <si>
    <t>29.</t>
  </si>
  <si>
    <t>30.</t>
  </si>
  <si>
    <t>Predmetom prenájmu je technické zariadenie bližšie špecifikované v Prílohe č. 1 týchto súťažných podmienok.</t>
  </si>
  <si>
    <t>Požaduje sa, aby dodávateľ bol výlučným vlastníkom predmetu prenájmu a bol oprávnený s predmetom prenájmu nakladať.</t>
  </si>
  <si>
    <t xml:space="preserve">Požaduje sa dodanie predmetu nájmu na miesto inštalácie zariadenia, manipulácia so zariadením, vybalenie, odber a likvidácia obalov na náklady prenajímateľa. Požaduje sa odovzdanie predmetu  prenájmu nájomcovi v stave spôsobilom na jeho riadne užívanie. </t>
  </si>
  <si>
    <t>Požaduje sa protokolárne odovzdanie predmetu prenájmu nájomcovi. Protokol o odovzdaní a prevzatí predmetu prenájmu potvrdia oprávnení zástupcovia dodávateľa a nájomcu.</t>
  </si>
  <si>
    <t>Požaduje sa inštalovať, resp. zabezpečiť inštaláciu prístroja a jeho spustenie u nájomcu na náklady prenajímateľa najneskôr do tridsiatich (30) kalendárnych dní odo dňa dodania prístroja, týmto nie je dotknutá možnosť súčasného dodania a inštalácie prístroja so spustením do prevádzky v ten istý deň. Presný dátum dodania a inštalácie prístroja je prenajímateľ povinný nájomcovi najmenej tri (3) kalendárne dni vopred. Nájomca sa zaväzuje poskytnúť prenajímateľovi potrebnú súčinnosť pri inštalácii prístroja.</t>
  </si>
  <si>
    <t xml:space="preserve">Požaduje sa vyhotovenie inštalačného protokolu o inštalácii prístroja prenajímateľom, ktorý podpíšu oprávnení zástupcovia nájomcu a prenajímateľa.  </t>
  </si>
  <si>
    <t>Požaduje sa zabezpečiť odborné zaškolenie zamestnancov nájomcu, ktorí budú s prenajatým prístrojom/zariadením pracovať, a to bezprostredne po dodaní prístroja nájomcovi, o čom bude zo strany prenajímateľa vyhotovený školiaci protokol, ktorí podpíšu oprávnení zástupcovia nájomcu a prenajímateľa.</t>
  </si>
  <si>
    <t>Požaduje sa dodanie návodu na použitie prístroja v slovenskom jazyk</t>
  </si>
  <si>
    <t>Požaduje sa poskytovanie telefonických alebo online konzultácii týkajúcich sa používania prenajatého zariadenia vyškolenými pracovníkmi objednávateľa.</t>
  </si>
  <si>
    <t>V cene prenájmu sú zahrnuté aj kompletné náklady na softvér (licencia, inštalácia, konfigurácia, upgrade, servis a pod.) podľa uvedenej špecifikácie a tiež aj poistenie zariadenia v prípade požiadavky dodávateľa na takéto poistenie.</t>
  </si>
  <si>
    <t xml:space="preserve">Požaduje sa zo strany prenajímateľa poskytovať nájomcovi po dobu účinnosti uzatvorenej zmluvy autorizovaný servis prístroja.   </t>
  </si>
  <si>
    <t xml:space="preserve">Požaduje sa zo strany prenajímateľa zabezpečiť servisného technika do päť hodín  (5) dní od nahlásenia poruchy a servisná pohotovosť v pracovné dni od 08:00 do 16:00 hod.  Servisný technik je povinný odstrániť vadu alebo uskutočniť iný servisný úkon na prístroji v primeranej lehote v závislosti od závažnosti vady alebo servisného úkonu a s odbornou starostlivosťou. </t>
  </si>
  <si>
    <t>Dodávateľ je povinný preukázať, že k vykonávaniu servisu zariadenia disponuje minimálne 2 technikmi so zaškolením a praxou min. 2 roky na prenajímaný typ zariadenia, s dostupnosťou a možným aspoň jedného technika na zásah do 5 hodín od nahlásenia poruchy v pracovných dňoch od 08:00 do 16:00.</t>
  </si>
  <si>
    <t>Požaduje sa poistenie predmetu prenájmu zo strany prenajímateľa na vlastné náklady pre prípad poškodenia, zničenia, straty, odcudzenia alebo iných škôd, ktoré na ňom vzniknú, a to počas celej doby platnosti uzatvorenej zmluvy.</t>
  </si>
  <si>
    <t>Objednávateľ nie je povinný vyhotoviť stanovené predpokladané množstvo výtlačkov.</t>
  </si>
  <si>
    <t>Platby za plnenie predmetu zmluvy sa budú uskutočňovať po dodaní a nainštalovaní prenajatého zariadenia objednávateľovi v mesačnom intrevale a to na základe dodávateľom vystavených faktúr za čiastočné plnenie doručených objednávateľovi, pričom súčasťou faktúry bude aj dodací list podpísaný oboma zmluvnými stranami. Faktúra musí obsahovať rozpis položiek a ich jednotkových cien bez DPH a počet jednotiek vzťahujúcich sa ku každej položke plnenia, sadzbu DPH vzťahujúcu sa na príslušnú položku plnenia a celkovú cenu za položku.</t>
  </si>
  <si>
    <t>Požaduje sa v zmysle § 340b ods. 5 zákona č. 513/1991 Z.z. Obchodného zákonníka v znení neskorších predpisov splatnosť faktúry v lehote šesťdesiatich (60) kalendárnych dní odo dňa jej doručenia objednávateľovi.</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 uzná navýšenie konečnej jednotkovej ceny za MJ bez DPH príslušnej položky predmetu zákazky, zašle dodávateľovi oznámenie, v ktorom potvrdí oprávnenie ním ponúknutej ceny.
2. neuzná navýšenie konečnej jednotkovej ceny za MJ bez DPH príslušnej položky predmetu zákazky, vyhradzuje si právo odstúpiť od tejto rámcovej dohody.</t>
  </si>
  <si>
    <t>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uzatvorenej zmluvy bude viac ako 5% v neprospech ceny podľa uzatvorenej zmluvy, zaväzuje sa dodávateľ poskytnúť objednávateľovi pre takéto plnenie objednané po preukázaní tejto skutočnosti dodatočnú zľavu vo výške rozdielu medzi ním poskytovanou cenou podľa uzatvorenej zmluvy a nižšou cenou.</t>
  </si>
  <si>
    <t>Dodávateľ je povinný bezodkladne, najneskôr však do piatich (5) pracovných dní od preukázania skutočnosti uvedenej v predchádzajúcej vete, doručiť objednávateľovi dodatok, predmetom ktorého bude upravená cena zistená podľa predchádzajúceho bodu.</t>
  </si>
  <si>
    <t>V prípade, ak sa po uzatvorení zmluvy preukáže, že na relevantnom trhu existuje nižšia cena za rovnaké alebo porovnateľné plnenie ako je obsiahnuté v uzatvorenej zmluve od akéhokoľvek dodávateľa (t.j. viac ako 5% v neprospech ceny podľa uzatvorenej zmluv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lehotou jeden (1) mesiac. Výpovedná doba začína plynúť od prvého (1.) kalendárneho dňa mesiaca nasledujúceho po mesiaci, v ktorom bola písomná výpoveď objednávateľa doručená dodávateľovi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Predávajúci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kupujúcemu zodpovedá za škodu, ktorá kupujúcemu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r>
      <rPr>
        <b/>
        <sz val="10"/>
        <rFont val="Arial"/>
        <family val="2"/>
        <charset val="238"/>
      </rPr>
      <t xml:space="preserve">Prospektový materiál </t>
    </r>
    <r>
      <rPr>
        <sz val="10"/>
        <rFont val="Arial"/>
        <family val="2"/>
        <charset val="238"/>
      </rPr>
      <t>ku všetkým ponúkaným produktom uvedeným v Štruktúrovanom rozpočte:
- prospektový materiál musí obsahovať popis všetkých funkcií a technických parametrov ponúkaného produktu tak, aby na základe nich mohol verejný obstarávateľ jednoznačne posúdiť splnenie všetkých požadovaných minimálnych technických vlastností a parametrov,
- prospektový materiál nemusí byť preložený do slovenského jazyka.</t>
    </r>
  </si>
  <si>
    <t>Požaduje sa uzatvorenie zmluvy o prenájme 3 kusov multifunkčných zariadení  na obdobie 48 kalendárnych mes.</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u/>
      <sz val="10"/>
      <color theme="1"/>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bottom style="thin">
        <color auto="1"/>
      </bottom>
      <diagonal/>
    </border>
    <border>
      <left/>
      <right style="medium">
        <color indexed="64"/>
      </right>
      <top/>
      <bottom/>
      <diagonal/>
    </border>
    <border>
      <left/>
      <right style="medium">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auto="1"/>
      </right>
      <top style="thin">
        <color auto="1"/>
      </top>
      <bottom/>
      <diagonal/>
    </border>
    <border>
      <left style="thin">
        <color auto="1"/>
      </left>
      <right/>
      <top/>
      <bottom/>
      <diagonal/>
    </border>
    <border>
      <left style="thin">
        <color auto="1"/>
      </left>
      <right/>
      <top style="thin">
        <color auto="1"/>
      </top>
      <bottom style="medium">
        <color indexed="64"/>
      </bottom>
      <diagonal/>
    </border>
    <border>
      <left/>
      <right style="medium">
        <color auto="1"/>
      </right>
      <top style="thin">
        <color auto="1"/>
      </top>
      <bottom style="medium">
        <color indexed="64"/>
      </bottom>
      <diagonal/>
    </border>
    <border>
      <left/>
      <right style="medium">
        <color auto="1"/>
      </right>
      <top/>
      <bottom style="thin">
        <color auto="1"/>
      </bottom>
      <diagonal/>
    </border>
    <border>
      <left style="thin">
        <color auto="1"/>
      </left>
      <right/>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bottom style="thin">
        <color auto="1"/>
      </bottom>
      <diagonal/>
    </border>
    <border>
      <left style="medium">
        <color auto="1"/>
      </left>
      <right/>
      <top/>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top style="thin">
        <color auto="1"/>
      </top>
      <bottom style="thin">
        <color auto="1"/>
      </bottom>
      <diagonal/>
    </border>
    <border>
      <left style="medium">
        <color auto="1"/>
      </left>
      <right style="thin">
        <color auto="1"/>
      </right>
      <top style="thin">
        <color auto="1"/>
      </top>
      <bottom/>
      <diagonal/>
    </border>
    <border>
      <left/>
      <right style="thin">
        <color auto="1"/>
      </right>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9" fontId="2" fillId="0" borderId="0" xfId="0" applyNumberFormat="1" applyFont="1" applyFill="1" applyAlignment="1">
      <alignment vertical="center" wrapText="1"/>
    </xf>
    <xf numFmtId="0" fontId="2" fillId="0" borderId="18"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0" fontId="2" fillId="0" borderId="25" xfId="0" applyFont="1" applyFill="1" applyBorder="1" applyAlignment="1">
      <alignment horizontal="center" vertical="center" wrapText="1"/>
    </xf>
    <xf numFmtId="0" fontId="2" fillId="0" borderId="26" xfId="0" applyFont="1" applyFill="1" applyBorder="1" applyAlignment="1">
      <alignment horizontal="center" vertical="center" wrapText="1"/>
    </xf>
    <xf numFmtId="0" fontId="2" fillId="0" borderId="0" xfId="0" applyFont="1" applyAlignment="1">
      <alignment horizontal="center" vertical="center" wrapText="1"/>
    </xf>
    <xf numFmtId="0" fontId="2" fillId="0" borderId="27" xfId="0" applyFont="1" applyFill="1" applyBorder="1" applyAlignment="1">
      <alignment horizontal="center" vertical="center" wrapText="1"/>
    </xf>
    <xf numFmtId="0" fontId="2" fillId="0" borderId="22" xfId="0" applyFont="1" applyFill="1" applyBorder="1" applyAlignment="1">
      <alignment horizontal="center" vertical="center" wrapText="1"/>
    </xf>
    <xf numFmtId="0" fontId="2" fillId="0" borderId="10" xfId="0" applyFont="1" applyFill="1" applyBorder="1" applyAlignment="1">
      <alignment vertical="center" wrapText="1"/>
    </xf>
    <xf numFmtId="0" fontId="2" fillId="0" borderId="10" xfId="0" applyFont="1" applyFill="1" applyBorder="1" applyAlignment="1">
      <alignment horizontal="center" vertical="center" wrapText="1"/>
    </xf>
    <xf numFmtId="3" fontId="13" fillId="0" borderId="1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49" fontId="2" fillId="0" borderId="21" xfId="0" applyNumberFormat="1" applyFont="1" applyFill="1" applyBorder="1" applyAlignment="1">
      <alignment horizontal="center" vertical="center" wrapText="1"/>
    </xf>
    <xf numFmtId="49" fontId="2" fillId="0" borderId="10" xfId="0" applyNumberFormat="1" applyFont="1" applyFill="1" applyBorder="1" applyAlignment="1">
      <alignment horizontal="left" vertical="center" wrapText="1"/>
    </xf>
    <xf numFmtId="49" fontId="2" fillId="0" borderId="10" xfId="0" applyNumberFormat="1" applyFont="1" applyFill="1" applyBorder="1" applyAlignment="1">
      <alignment horizontal="center" vertical="center" wrapText="1"/>
    </xf>
    <xf numFmtId="49" fontId="5" fillId="0"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0" fontId="5" fillId="0" borderId="8" xfId="0" applyNumberFormat="1" applyFont="1" applyBorder="1" applyAlignment="1">
      <alignment horizontal="center" vertical="center"/>
    </xf>
    <xf numFmtId="49" fontId="4" fillId="0" borderId="8"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4" fillId="0" borderId="11" xfId="0" applyNumberFormat="1" applyFont="1" applyBorder="1" applyAlignment="1">
      <alignment horizontal="center" vertical="center"/>
    </xf>
    <xf numFmtId="49" fontId="4" fillId="0" borderId="18" xfId="0" applyNumberFormat="1" applyFont="1" applyFill="1" applyBorder="1" applyAlignment="1">
      <alignment horizontal="left" vertical="center" wrapText="1"/>
    </xf>
    <xf numFmtId="49" fontId="2" fillId="2" borderId="10" xfId="0" applyNumberFormat="1" applyFont="1" applyFill="1" applyBorder="1" applyAlignment="1">
      <alignment horizontal="center" vertical="center" wrapText="1"/>
    </xf>
    <xf numFmtId="49" fontId="4" fillId="0" borderId="33" xfId="0" applyNumberFormat="1" applyFont="1" applyFill="1" applyBorder="1" applyAlignment="1">
      <alignment horizontal="left" vertical="center" wrapText="1"/>
    </xf>
    <xf numFmtId="0" fontId="7" fillId="0" borderId="27" xfId="0" applyNumberFormat="1" applyFont="1" applyBorder="1" applyAlignment="1">
      <alignment wrapText="1"/>
    </xf>
    <xf numFmtId="49" fontId="2" fillId="2" borderId="35" xfId="0" applyNumberFormat="1" applyFont="1" applyFill="1" applyBorder="1" applyAlignment="1">
      <alignment horizontal="center" vertical="center" wrapText="1"/>
    </xf>
    <xf numFmtId="0" fontId="7" fillId="0" borderId="10" xfId="0" applyNumberFormat="1" applyFont="1" applyFill="1" applyBorder="1" applyAlignment="1">
      <alignment horizontal="center" vertical="center" wrapText="1"/>
    </xf>
    <xf numFmtId="49" fontId="2" fillId="0" borderId="39" xfId="0" applyNumberFormat="1" applyFont="1" applyFill="1" applyBorder="1" applyAlignment="1">
      <alignment horizontal="center" vertical="center" wrapText="1"/>
    </xf>
    <xf numFmtId="0" fontId="2" fillId="0" borderId="0" xfId="0" applyFont="1" applyBorder="1" applyAlignment="1">
      <alignment vertical="top" wrapText="1"/>
    </xf>
    <xf numFmtId="0" fontId="2" fillId="0" borderId="28" xfId="0" applyFont="1" applyFill="1" applyBorder="1" applyAlignment="1">
      <alignment horizontal="center" vertical="center" wrapText="1"/>
    </xf>
    <xf numFmtId="0" fontId="2" fillId="0" borderId="29" xfId="0" applyFont="1" applyFill="1" applyBorder="1" applyAlignment="1">
      <alignment horizontal="center" vertical="center" wrapText="1"/>
    </xf>
    <xf numFmtId="0" fontId="2" fillId="0" borderId="33" xfId="0" applyNumberFormat="1" applyFont="1" applyBorder="1" applyAlignment="1">
      <alignment horizontal="center" vertical="center" wrapText="1"/>
    </xf>
    <xf numFmtId="49" fontId="4" fillId="0" borderId="24" xfId="0" applyNumberFormat="1" applyFont="1" applyFill="1" applyBorder="1" applyAlignment="1">
      <alignment horizontal="left" vertical="center" wrapText="1"/>
    </xf>
    <xf numFmtId="0" fontId="2" fillId="0" borderId="40" xfId="0" applyFont="1" applyFill="1" applyBorder="1" applyAlignment="1">
      <alignment vertical="center" wrapText="1"/>
    </xf>
    <xf numFmtId="0" fontId="2" fillId="0" borderId="33" xfId="0" applyNumberFormat="1" applyFont="1" applyFill="1" applyBorder="1" applyAlignment="1">
      <alignment horizontal="center" vertical="center" wrapText="1"/>
    </xf>
    <xf numFmtId="0" fontId="2" fillId="0" borderId="21" xfId="0" applyFont="1" applyFill="1" applyBorder="1" applyAlignment="1">
      <alignment horizontal="center" vertical="center" wrapText="1"/>
    </xf>
    <xf numFmtId="49" fontId="4" fillId="0" borderId="8" xfId="0" applyNumberFormat="1" applyFont="1" applyFill="1" applyBorder="1" applyAlignment="1">
      <alignment horizontal="center" vertical="center"/>
    </xf>
    <xf numFmtId="49" fontId="5" fillId="5" borderId="8" xfId="0" applyNumberFormat="1" applyFont="1" applyFill="1" applyBorder="1" applyAlignment="1">
      <alignment vertical="center"/>
    </xf>
    <xf numFmtId="49" fontId="5" fillId="5" borderId="10" xfId="0" applyNumberFormat="1" applyFont="1" applyFill="1" applyBorder="1" applyAlignment="1">
      <alignment vertical="center"/>
    </xf>
    <xf numFmtId="49" fontId="4" fillId="5" borderId="10" xfId="0" applyNumberFormat="1" applyFont="1" applyFill="1" applyBorder="1" applyAlignment="1">
      <alignment horizontal="center" vertical="center"/>
    </xf>
    <xf numFmtId="49" fontId="2" fillId="5" borderId="10" xfId="0" applyNumberFormat="1" applyFont="1" applyFill="1" applyBorder="1" applyAlignment="1">
      <alignment horizontal="center" vertical="center" wrapText="1"/>
    </xf>
    <xf numFmtId="49" fontId="2" fillId="0" borderId="31" xfId="0" applyNumberFormat="1" applyFont="1" applyBorder="1" applyAlignment="1">
      <alignment vertical="center" wrapText="1"/>
    </xf>
    <xf numFmtId="49" fontId="2" fillId="0" borderId="30" xfId="0" applyNumberFormat="1" applyFont="1" applyBorder="1" applyAlignment="1">
      <alignment vertical="center" wrapText="1"/>
    </xf>
    <xf numFmtId="49" fontId="2" fillId="0" borderId="5" xfId="0" applyNumberFormat="1" applyFont="1" applyBorder="1" applyAlignment="1">
      <alignment horizontal="center" vertical="center" wrapText="1"/>
    </xf>
    <xf numFmtId="49" fontId="2" fillId="0" borderId="23"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32"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8"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4"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36"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10" xfId="0" applyNumberFormat="1" applyFont="1" applyBorder="1" applyAlignment="1">
      <alignment horizontal="left" vertical="center" wrapText="1"/>
    </xf>
    <xf numFmtId="0" fontId="7" fillId="0" borderId="1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5" xfId="0" applyFont="1" applyFill="1" applyBorder="1" applyAlignment="1">
      <alignment horizontal="center" vertical="center" wrapText="1"/>
    </xf>
    <xf numFmtId="0" fontId="2" fillId="0" borderId="23" xfId="0"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4" fillId="0" borderId="0" xfId="0" applyNumberFormat="1" applyFont="1" applyFill="1" applyAlignment="1">
      <alignment horizontal="left" vertical="center" wrapText="1"/>
    </xf>
    <xf numFmtId="0" fontId="2" fillId="0" borderId="5"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14" fillId="0" borderId="31" xfId="0" applyFont="1" applyFill="1" applyBorder="1" applyAlignment="1">
      <alignment horizontal="left" vertical="center" wrapText="1"/>
    </xf>
    <xf numFmtId="0" fontId="14"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5" fillId="5" borderId="38" xfId="0" applyNumberFormat="1" applyFont="1" applyFill="1" applyBorder="1" applyAlignment="1">
      <alignment horizontal="left" vertical="center"/>
    </xf>
    <xf numFmtId="49" fontId="5" fillId="5" borderId="6" xfId="0" applyNumberFormat="1" applyFont="1" applyFill="1" applyBorder="1" applyAlignment="1">
      <alignment horizontal="left" vertical="center"/>
    </xf>
    <xf numFmtId="49" fontId="5" fillId="5" borderId="5" xfId="0" applyNumberFormat="1" applyFont="1" applyFill="1" applyBorder="1" applyAlignment="1">
      <alignment horizontal="center" vertical="center"/>
    </xf>
    <xf numFmtId="49" fontId="5" fillId="5" borderId="23" xfId="0" applyNumberFormat="1" applyFont="1" applyFill="1" applyBorder="1" applyAlignment="1">
      <alignment horizontal="center" vertical="center"/>
    </xf>
    <xf numFmtId="49" fontId="3" fillId="5" borderId="5" xfId="0" applyNumberFormat="1" applyFont="1" applyFill="1" applyBorder="1" applyAlignment="1">
      <alignment horizontal="center" vertical="center" wrapText="1"/>
    </xf>
    <xf numFmtId="49" fontId="3" fillId="5" borderId="23" xfId="0" applyNumberFormat="1" applyFont="1" applyFill="1" applyBorder="1" applyAlignment="1">
      <alignment horizontal="center" vertical="center" wrapText="1"/>
    </xf>
    <xf numFmtId="49" fontId="3" fillId="5" borderId="38" xfId="0" applyNumberFormat="1" applyFont="1" applyFill="1" applyBorder="1" applyAlignment="1">
      <alignment horizontal="left" vertical="center" wrapText="1"/>
    </xf>
    <xf numFmtId="49" fontId="3" fillId="5" borderId="6" xfId="0" applyNumberFormat="1" applyFont="1" applyFill="1" applyBorder="1" applyAlignment="1">
      <alignment horizontal="left" vertical="center"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5" xfId="0" applyNumberFormat="1" applyFont="1" applyFill="1" applyBorder="1" applyAlignment="1">
      <alignment horizontal="left" vertical="center" wrapText="1"/>
    </xf>
    <xf numFmtId="49" fontId="2" fillId="0" borderId="6" xfId="0" applyNumberFormat="1" applyFont="1" applyFill="1" applyBorder="1" applyAlignment="1">
      <alignment horizontal="left" vertical="center" wrapText="1"/>
    </xf>
    <xf numFmtId="0" fontId="3" fillId="2" borderId="19" xfId="0" applyFont="1" applyFill="1" applyBorder="1" applyAlignment="1">
      <alignment horizontal="center" vertical="top" wrapText="1"/>
    </xf>
    <xf numFmtId="0" fontId="3" fillId="2" borderId="20" xfId="0" applyFont="1" applyFill="1" applyBorder="1" applyAlignment="1">
      <alignment horizontal="center" vertical="top" wrapText="1"/>
    </xf>
    <xf numFmtId="49" fontId="2" fillId="2" borderId="10" xfId="0" applyNumberFormat="1" applyFont="1" applyFill="1" applyBorder="1" applyAlignment="1">
      <alignment horizontal="center" vertical="center" wrapText="1"/>
    </xf>
    <xf numFmtId="49" fontId="2" fillId="2" borderId="9"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I221"/>
  <sheetViews>
    <sheetView showGridLines="0" tabSelected="1" topLeftCell="A180" zoomScaleNormal="100" workbookViewId="0">
      <selection activeCell="R189" sqref="R18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6" t="s">
        <v>44</v>
      </c>
      <c r="C1" s="126"/>
      <c r="D1" s="126"/>
      <c r="E1" s="126"/>
      <c r="F1" s="126"/>
    </row>
    <row r="2" spans="2:6" ht="27.75" customHeight="1" x14ac:dyDescent="0.2">
      <c r="B2" s="125" t="s">
        <v>42</v>
      </c>
      <c r="C2" s="125"/>
      <c r="D2" s="125"/>
      <c r="E2" s="125"/>
      <c r="F2" s="125"/>
    </row>
    <row r="3" spans="2:6" ht="54.75" customHeight="1" x14ac:dyDescent="0.2">
      <c r="B3" s="129" t="s">
        <v>48</v>
      </c>
      <c r="C3" s="129"/>
      <c r="D3" s="129"/>
      <c r="E3" s="129"/>
      <c r="F3" s="129"/>
    </row>
    <row r="4" spans="2:6" ht="24.95" customHeight="1" x14ac:dyDescent="0.2">
      <c r="B4" s="39" t="s">
        <v>47</v>
      </c>
      <c r="C4" s="40"/>
      <c r="D4" s="36"/>
      <c r="E4" s="36"/>
      <c r="F4" s="36"/>
    </row>
    <row r="5" spans="2:6" ht="24.95" customHeight="1" x14ac:dyDescent="0.2">
      <c r="B5" s="39" t="s">
        <v>45</v>
      </c>
      <c r="C5" s="41"/>
      <c r="D5" s="36"/>
      <c r="E5" s="36"/>
      <c r="F5" s="36"/>
    </row>
    <row r="6" spans="2:6" ht="5.0999999999999996" customHeight="1" x14ac:dyDescent="0.2">
      <c r="B6" s="36"/>
      <c r="C6" s="36"/>
      <c r="D6" s="36"/>
      <c r="E6" s="36"/>
      <c r="F6" s="36"/>
    </row>
    <row r="7" spans="2:6" s="2" customFormat="1" ht="20.100000000000001" customHeight="1" x14ac:dyDescent="0.25">
      <c r="B7" s="102" t="s">
        <v>3</v>
      </c>
      <c r="C7" s="102"/>
      <c r="D7" s="102"/>
      <c r="E7" s="102"/>
      <c r="F7" s="102"/>
    </row>
    <row r="8" spans="2:6" s="2" customFormat="1" ht="20.100000000000001" customHeight="1" x14ac:dyDescent="0.25">
      <c r="B8" s="130" t="s">
        <v>7</v>
      </c>
      <c r="C8" s="130"/>
      <c r="D8" s="130"/>
      <c r="E8" s="130"/>
      <c r="F8" s="130"/>
    </row>
    <row r="9" spans="2:6" ht="24.95" customHeight="1" x14ac:dyDescent="0.2">
      <c r="B9" s="133" t="s">
        <v>90</v>
      </c>
      <c r="C9" s="133"/>
      <c r="D9" s="133"/>
      <c r="E9" s="132"/>
      <c r="F9" s="132"/>
    </row>
    <row r="10" spans="2:6" ht="4.5" customHeight="1" x14ac:dyDescent="0.2">
      <c r="B10" s="38"/>
      <c r="C10" s="38"/>
      <c r="D10" s="38"/>
      <c r="E10" s="38"/>
      <c r="F10" s="38"/>
    </row>
    <row r="11" spans="2:6" s="2" customFormat="1" ht="20.100000000000001" customHeight="1" x14ac:dyDescent="0.25">
      <c r="B11" s="131" t="s">
        <v>8</v>
      </c>
      <c r="C11" s="131"/>
      <c r="D11" s="131"/>
      <c r="E11" s="131"/>
      <c r="F11" s="131"/>
    </row>
    <row r="12" spans="2:6" s="2" customFormat="1" ht="20.100000000000001" customHeight="1" x14ac:dyDescent="0.25">
      <c r="B12" s="132" t="s">
        <v>88</v>
      </c>
      <c r="C12" s="132"/>
      <c r="D12" s="132"/>
      <c r="E12" s="42"/>
      <c r="F12" s="42"/>
    </row>
    <row r="13" spans="2:6" s="3" customFormat="1" ht="20.100000000000001" customHeight="1" x14ac:dyDescent="0.25">
      <c r="B13" s="132" t="s">
        <v>89</v>
      </c>
      <c r="C13" s="132"/>
      <c r="D13" s="132"/>
      <c r="E13" s="18"/>
      <c r="F13" s="19"/>
    </row>
    <row r="14" spans="2:6" ht="4.5" customHeight="1" x14ac:dyDescent="0.2">
      <c r="B14" s="43"/>
      <c r="C14" s="43"/>
      <c r="D14" s="43"/>
      <c r="E14" s="38"/>
      <c r="F14" s="38"/>
    </row>
    <row r="15" spans="2:6" ht="20.100000000000001" customHeight="1" x14ac:dyDescent="0.2">
      <c r="B15" s="37" t="s">
        <v>9</v>
      </c>
      <c r="C15" s="20"/>
      <c r="D15" s="20"/>
      <c r="E15" s="21"/>
      <c r="F15" s="21"/>
    </row>
    <row r="16" spans="2:6" s="3" customFormat="1" ht="24.95" customHeight="1" x14ac:dyDescent="0.25">
      <c r="B16" s="127" t="s">
        <v>86</v>
      </c>
      <c r="C16" s="127"/>
      <c r="D16" s="127"/>
      <c r="E16" s="18"/>
      <c r="F16" s="19"/>
    </row>
    <row r="17" spans="2:9" ht="5.0999999999999996" customHeight="1" x14ac:dyDescent="0.2">
      <c r="B17" s="128"/>
      <c r="C17" s="128"/>
      <c r="D17" s="128"/>
      <c r="F17" s="15"/>
    </row>
    <row r="18" spans="2:9" s="2" customFormat="1" ht="20.100000000000001" customHeight="1" x14ac:dyDescent="0.25">
      <c r="B18" s="102" t="s">
        <v>22</v>
      </c>
      <c r="C18" s="102"/>
      <c r="D18" s="102"/>
      <c r="E18" s="102"/>
      <c r="F18" s="102"/>
    </row>
    <row r="19" spans="2:9" ht="46.5" customHeight="1" x14ac:dyDescent="0.2">
      <c r="B19" s="136" t="s">
        <v>91</v>
      </c>
      <c r="C19" s="136"/>
      <c r="D19" s="136"/>
      <c r="E19" s="136"/>
      <c r="F19" s="136"/>
    </row>
    <row r="20" spans="2:9" ht="5.0999999999999996" customHeight="1" x14ac:dyDescent="0.2">
      <c r="B20" s="128"/>
      <c r="C20" s="128"/>
      <c r="D20" s="128"/>
      <c r="F20" s="15"/>
    </row>
    <row r="21" spans="2:9" s="2" customFormat="1" ht="20.100000000000001" customHeight="1" x14ac:dyDescent="0.25">
      <c r="B21" s="102" t="s">
        <v>23</v>
      </c>
      <c r="C21" s="102"/>
      <c r="D21" s="102"/>
      <c r="E21" s="102"/>
      <c r="F21" s="102"/>
    </row>
    <row r="22" spans="2:9" s="9" customFormat="1" ht="20.100000000000001" customHeight="1" x14ac:dyDescent="0.25">
      <c r="B22" s="95" t="s">
        <v>4</v>
      </c>
      <c r="C22" s="95"/>
      <c r="D22" s="95"/>
      <c r="E22" s="95"/>
      <c r="F22" s="95"/>
    </row>
    <row r="23" spans="2:9" s="9" customFormat="1" ht="20.100000000000001" customHeight="1" x14ac:dyDescent="0.25">
      <c r="B23" s="98" t="s">
        <v>16</v>
      </c>
      <c r="C23" s="99"/>
      <c r="D23" s="14"/>
      <c r="E23" s="14"/>
      <c r="F23" s="14"/>
    </row>
    <row r="24" spans="2:9" s="9" customFormat="1" ht="20.100000000000001" customHeight="1" x14ac:dyDescent="0.25">
      <c r="B24" s="13"/>
      <c r="C24" s="13" t="s">
        <v>20</v>
      </c>
      <c r="D24" s="14"/>
      <c r="E24" s="14"/>
      <c r="F24" s="14"/>
    </row>
    <row r="25" spans="2:9" s="9" customFormat="1" ht="20.100000000000001" customHeight="1" x14ac:dyDescent="0.25">
      <c r="B25" s="13"/>
      <c r="C25" s="13" t="s">
        <v>21</v>
      </c>
      <c r="D25" s="14"/>
      <c r="E25" s="14"/>
      <c r="F25" s="14"/>
    </row>
    <row r="26" spans="2:9" s="9" customFormat="1" ht="20.100000000000001" customHeight="1" x14ac:dyDescent="0.25">
      <c r="B26" s="98" t="s">
        <v>17</v>
      </c>
      <c r="C26" s="99"/>
      <c r="D26" s="14"/>
      <c r="E26" s="14"/>
      <c r="F26" s="14"/>
    </row>
    <row r="27" spans="2:9" s="9" customFormat="1" ht="31.5" customHeight="1" x14ac:dyDescent="0.25">
      <c r="B27" s="16" t="s">
        <v>18</v>
      </c>
      <c r="C27" s="96" t="s">
        <v>11</v>
      </c>
      <c r="D27" s="97"/>
      <c r="E27" s="17" t="s">
        <v>10</v>
      </c>
      <c r="F27" s="17" t="s">
        <v>12</v>
      </c>
    </row>
    <row r="28" spans="2:9" s="9" customFormat="1" ht="24.95" customHeight="1" x14ac:dyDescent="0.25">
      <c r="B28" s="54" t="s">
        <v>0</v>
      </c>
      <c r="C28" s="162" t="s">
        <v>94</v>
      </c>
      <c r="D28" s="163"/>
      <c r="E28" s="55" t="s">
        <v>92</v>
      </c>
      <c r="F28" s="56">
        <v>1</v>
      </c>
      <c r="I28" s="46"/>
    </row>
    <row r="29" spans="2:9" s="9" customFormat="1" ht="24.75" customHeight="1" x14ac:dyDescent="0.25">
      <c r="B29" s="59" t="s">
        <v>93</v>
      </c>
      <c r="C29" s="164" t="s">
        <v>95</v>
      </c>
      <c r="D29" s="165"/>
      <c r="E29" s="60" t="s">
        <v>92</v>
      </c>
      <c r="F29" s="60" t="s">
        <v>61</v>
      </c>
    </row>
    <row r="30" spans="2:9" s="9" customFormat="1" ht="4.5" customHeight="1" x14ac:dyDescent="0.25">
      <c r="B30" s="57"/>
      <c r="C30" s="57"/>
      <c r="D30" s="57"/>
      <c r="E30" s="57"/>
      <c r="F30" s="57"/>
    </row>
    <row r="31" spans="2:9" s="9" customFormat="1" ht="20.100000000000001" customHeight="1" x14ac:dyDescent="0.25">
      <c r="B31" s="98" t="s">
        <v>19</v>
      </c>
      <c r="C31" s="99"/>
      <c r="D31" s="14"/>
      <c r="E31" s="14"/>
      <c r="F31" s="14"/>
    </row>
    <row r="32" spans="2:9" s="9" customFormat="1" ht="20.100000000000001" customHeight="1" x14ac:dyDescent="0.2">
      <c r="B32" s="10"/>
      <c r="C32" s="9" t="s">
        <v>1</v>
      </c>
      <c r="D32" s="14"/>
      <c r="E32" s="14"/>
      <c r="F32" s="14"/>
    </row>
    <row r="33" spans="2:7" s="9" customFormat="1" ht="20.100000000000001" customHeight="1" x14ac:dyDescent="0.25">
      <c r="B33" s="13"/>
      <c r="C33" s="2" t="s">
        <v>2</v>
      </c>
      <c r="D33" s="14"/>
      <c r="E33" s="14"/>
      <c r="F33" s="14"/>
    </row>
    <row r="34" spans="2:7" ht="5.0999999999999996" customHeight="1" x14ac:dyDescent="0.2"/>
    <row r="35" spans="2:7" s="2" customFormat="1" ht="20.100000000000001" customHeight="1" x14ac:dyDescent="0.25">
      <c r="B35" s="102" t="s">
        <v>24</v>
      </c>
      <c r="C35" s="102"/>
      <c r="D35" s="102"/>
      <c r="E35" s="102"/>
      <c r="F35" s="102"/>
    </row>
    <row r="36" spans="2:7" s="2" customFormat="1" ht="5.0999999999999996" customHeight="1" thickBot="1" x14ac:dyDescent="0.3">
      <c r="B36" s="15"/>
      <c r="D36" s="6"/>
      <c r="E36" s="6"/>
      <c r="F36" s="6"/>
    </row>
    <row r="37" spans="2:7" s="3" customFormat="1" ht="93" customHeight="1" x14ac:dyDescent="0.25">
      <c r="B37" s="103" t="s">
        <v>245</v>
      </c>
      <c r="C37" s="104"/>
      <c r="D37" s="166" t="s">
        <v>25</v>
      </c>
      <c r="E37" s="166"/>
      <c r="F37" s="167"/>
      <c r="G37" s="22"/>
    </row>
    <row r="38" spans="2:7" s="3" customFormat="1" ht="30" customHeight="1" x14ac:dyDescent="0.25">
      <c r="B38" s="105"/>
      <c r="C38" s="106"/>
      <c r="D38" s="68" t="s">
        <v>26</v>
      </c>
      <c r="E38" s="168" t="s">
        <v>27</v>
      </c>
      <c r="F38" s="169"/>
    </row>
    <row r="39" spans="2:7" s="24" customFormat="1" ht="30.75" customHeight="1" x14ac:dyDescent="0.25">
      <c r="B39" s="149" t="s">
        <v>96</v>
      </c>
      <c r="C39" s="150"/>
      <c r="D39" s="150"/>
      <c r="E39" s="150"/>
      <c r="F39" s="151"/>
    </row>
    <row r="40" spans="2:7" s="4" customFormat="1" ht="20.100000000000001" customHeight="1" x14ac:dyDescent="0.25">
      <c r="B40" s="63">
        <v>1</v>
      </c>
      <c r="C40" s="61" t="s">
        <v>97</v>
      </c>
      <c r="D40" s="45" t="s">
        <v>52</v>
      </c>
      <c r="E40" s="100"/>
      <c r="F40" s="101"/>
    </row>
    <row r="41" spans="2:7" s="4" customFormat="1" ht="20.100000000000001" customHeight="1" x14ac:dyDescent="0.25">
      <c r="B41" s="64" t="s">
        <v>62</v>
      </c>
      <c r="C41" s="62" t="s">
        <v>98</v>
      </c>
      <c r="D41" s="45"/>
      <c r="E41" s="93"/>
      <c r="F41" s="94"/>
    </row>
    <row r="42" spans="2:7" s="4" customFormat="1" ht="20.100000000000001" customHeight="1" x14ac:dyDescent="0.25">
      <c r="B42" s="64" t="s">
        <v>63</v>
      </c>
      <c r="C42" s="62" t="s">
        <v>99</v>
      </c>
      <c r="D42" s="45"/>
      <c r="E42" s="93"/>
      <c r="F42" s="94"/>
    </row>
    <row r="43" spans="2:7" s="4" customFormat="1" ht="20.100000000000001" customHeight="1" x14ac:dyDescent="0.25">
      <c r="B43" s="64" t="s">
        <v>64</v>
      </c>
      <c r="C43" s="62" t="s">
        <v>100</v>
      </c>
      <c r="D43" s="45"/>
      <c r="E43" s="89"/>
      <c r="F43" s="90"/>
    </row>
    <row r="44" spans="2:7" s="4" customFormat="1" ht="20.100000000000001" customHeight="1" x14ac:dyDescent="0.25">
      <c r="B44" s="64" t="s">
        <v>65</v>
      </c>
      <c r="C44" s="62" t="s">
        <v>101</v>
      </c>
      <c r="D44" s="45"/>
      <c r="E44" s="89"/>
      <c r="F44" s="90"/>
    </row>
    <row r="45" spans="2:7" s="4" customFormat="1" ht="20.100000000000001" customHeight="1" x14ac:dyDescent="0.25">
      <c r="B45" s="64" t="s">
        <v>66</v>
      </c>
      <c r="C45" s="62" t="s">
        <v>102</v>
      </c>
      <c r="D45" s="45"/>
      <c r="E45" s="89"/>
      <c r="F45" s="90"/>
    </row>
    <row r="46" spans="2:7" s="4" customFormat="1" ht="20.100000000000001" customHeight="1" x14ac:dyDescent="0.25">
      <c r="B46" s="64" t="s">
        <v>67</v>
      </c>
      <c r="C46" s="62" t="s">
        <v>103</v>
      </c>
      <c r="D46" s="45"/>
      <c r="E46" s="89"/>
      <c r="F46" s="90"/>
    </row>
    <row r="47" spans="2:7" s="4" customFormat="1" ht="20.100000000000001" customHeight="1" x14ac:dyDescent="0.25">
      <c r="B47" s="64" t="s">
        <v>104</v>
      </c>
      <c r="C47" s="62" t="s">
        <v>105</v>
      </c>
      <c r="D47" s="45"/>
      <c r="E47" s="89"/>
      <c r="F47" s="90"/>
    </row>
    <row r="48" spans="2:7" s="4" customFormat="1" ht="20.100000000000001" customHeight="1" x14ac:dyDescent="0.25">
      <c r="B48" s="64" t="s">
        <v>106</v>
      </c>
      <c r="C48" s="62" t="s">
        <v>107</v>
      </c>
      <c r="D48" s="45"/>
      <c r="E48" s="89"/>
      <c r="F48" s="90"/>
    </row>
    <row r="49" spans="2:6" s="4" customFormat="1" ht="20.100000000000001" customHeight="1" x14ac:dyDescent="0.25">
      <c r="B49" s="64" t="s">
        <v>108</v>
      </c>
      <c r="C49" s="62" t="s">
        <v>109</v>
      </c>
      <c r="D49" s="45"/>
      <c r="E49" s="89"/>
      <c r="F49" s="90"/>
    </row>
    <row r="50" spans="2:6" s="4" customFormat="1" ht="20.100000000000001" customHeight="1" x14ac:dyDescent="0.25">
      <c r="B50" s="64" t="s">
        <v>110</v>
      </c>
      <c r="C50" s="62" t="s">
        <v>111</v>
      </c>
      <c r="D50" s="45"/>
      <c r="E50" s="89"/>
      <c r="F50" s="90"/>
    </row>
    <row r="51" spans="2:6" s="4" customFormat="1" ht="30" customHeight="1" x14ac:dyDescent="0.25">
      <c r="B51" s="64" t="s">
        <v>112</v>
      </c>
      <c r="C51" s="62" t="s">
        <v>113</v>
      </c>
      <c r="D51" s="45"/>
      <c r="E51" s="89"/>
      <c r="F51" s="90"/>
    </row>
    <row r="52" spans="2:6" s="4" customFormat="1" ht="30" customHeight="1" x14ac:dyDescent="0.25">
      <c r="B52" s="65" t="s">
        <v>114</v>
      </c>
      <c r="C52" s="61" t="s">
        <v>115</v>
      </c>
      <c r="D52" s="45" t="s">
        <v>52</v>
      </c>
      <c r="E52" s="89"/>
      <c r="F52" s="90"/>
    </row>
    <row r="53" spans="2:6" s="4" customFormat="1" ht="20.100000000000001" customHeight="1" x14ac:dyDescent="0.25">
      <c r="B53" s="64" t="s">
        <v>116</v>
      </c>
      <c r="C53" s="62" t="s">
        <v>172</v>
      </c>
      <c r="D53" s="45"/>
      <c r="E53" s="89"/>
      <c r="F53" s="90"/>
    </row>
    <row r="54" spans="2:6" s="4" customFormat="1" ht="30.75" customHeight="1" x14ac:dyDescent="0.25">
      <c r="B54" s="64" t="s">
        <v>117</v>
      </c>
      <c r="C54" s="62" t="s">
        <v>173</v>
      </c>
      <c r="D54" s="45"/>
      <c r="E54" s="89"/>
      <c r="F54" s="90"/>
    </row>
    <row r="55" spans="2:6" s="4" customFormat="1" ht="30" customHeight="1" x14ac:dyDescent="0.25">
      <c r="B55" s="64" t="s">
        <v>118</v>
      </c>
      <c r="C55" s="62" t="s">
        <v>174</v>
      </c>
      <c r="D55" s="45"/>
      <c r="E55" s="89"/>
      <c r="F55" s="90"/>
    </row>
    <row r="56" spans="2:6" s="4" customFormat="1" ht="30" customHeight="1" x14ac:dyDescent="0.25">
      <c r="B56" s="64" t="s">
        <v>119</v>
      </c>
      <c r="C56" s="62" t="s">
        <v>175</v>
      </c>
      <c r="D56" s="45"/>
      <c r="E56" s="89"/>
      <c r="F56" s="90"/>
    </row>
    <row r="57" spans="2:6" s="4" customFormat="1" ht="20.100000000000001" customHeight="1" x14ac:dyDescent="0.25">
      <c r="B57" s="65" t="s">
        <v>120</v>
      </c>
      <c r="C57" s="61" t="s">
        <v>121</v>
      </c>
      <c r="D57" s="45" t="s">
        <v>52</v>
      </c>
      <c r="E57" s="89"/>
      <c r="F57" s="90"/>
    </row>
    <row r="58" spans="2:6" s="4" customFormat="1" ht="20.100000000000001" customHeight="1" x14ac:dyDescent="0.25">
      <c r="B58" s="64" t="s">
        <v>122</v>
      </c>
      <c r="C58" s="62" t="s">
        <v>123</v>
      </c>
      <c r="D58" s="45"/>
      <c r="E58" s="89"/>
      <c r="F58" s="90"/>
    </row>
    <row r="59" spans="2:6" s="4" customFormat="1" ht="20.100000000000001" customHeight="1" x14ac:dyDescent="0.25">
      <c r="B59" s="64" t="s">
        <v>124</v>
      </c>
      <c r="C59" s="62" t="s">
        <v>125</v>
      </c>
      <c r="D59" s="45"/>
      <c r="E59" s="89"/>
      <c r="F59" s="90"/>
    </row>
    <row r="60" spans="2:6" s="4" customFormat="1" ht="20.100000000000001" customHeight="1" x14ac:dyDescent="0.25">
      <c r="B60" s="64" t="s">
        <v>126</v>
      </c>
      <c r="C60" s="62" t="s">
        <v>127</v>
      </c>
      <c r="D60" s="45"/>
      <c r="E60" s="89"/>
      <c r="F60" s="90"/>
    </row>
    <row r="61" spans="2:6" s="4" customFormat="1" ht="20.100000000000001" customHeight="1" x14ac:dyDescent="0.25">
      <c r="B61" s="64" t="s">
        <v>128</v>
      </c>
      <c r="C61" s="62" t="s">
        <v>129</v>
      </c>
      <c r="D61" s="45"/>
      <c r="E61" s="89"/>
      <c r="F61" s="90"/>
    </row>
    <row r="62" spans="2:6" s="4" customFormat="1" ht="20.100000000000001" customHeight="1" x14ac:dyDescent="0.25">
      <c r="B62" s="64" t="s">
        <v>130</v>
      </c>
      <c r="C62" s="62" t="s">
        <v>131</v>
      </c>
      <c r="D62" s="45"/>
      <c r="E62" s="89"/>
      <c r="F62" s="90"/>
    </row>
    <row r="63" spans="2:6" s="4" customFormat="1" ht="30" customHeight="1" x14ac:dyDescent="0.25">
      <c r="B63" s="64" t="s">
        <v>132</v>
      </c>
      <c r="C63" s="62" t="s">
        <v>176</v>
      </c>
      <c r="D63" s="45"/>
      <c r="E63" s="89"/>
      <c r="F63" s="90"/>
    </row>
    <row r="64" spans="2:6" s="4" customFormat="1" ht="20.100000000000001" customHeight="1" x14ac:dyDescent="0.25">
      <c r="B64" s="64" t="s">
        <v>133</v>
      </c>
      <c r="C64" s="62" t="s">
        <v>134</v>
      </c>
      <c r="D64" s="45"/>
      <c r="E64" s="89"/>
      <c r="F64" s="90"/>
    </row>
    <row r="65" spans="2:6" s="4" customFormat="1" ht="20.100000000000001" customHeight="1" x14ac:dyDescent="0.25">
      <c r="B65" s="64" t="s">
        <v>135</v>
      </c>
      <c r="C65" s="62" t="s">
        <v>136</v>
      </c>
      <c r="D65" s="45"/>
      <c r="E65" s="89"/>
      <c r="F65" s="90"/>
    </row>
    <row r="66" spans="2:6" s="4" customFormat="1" ht="20.100000000000001" customHeight="1" x14ac:dyDescent="0.25">
      <c r="B66" s="64" t="s">
        <v>137</v>
      </c>
      <c r="C66" s="62" t="s">
        <v>138</v>
      </c>
      <c r="D66" s="45"/>
      <c r="E66" s="89"/>
      <c r="F66" s="90"/>
    </row>
    <row r="67" spans="2:6" s="4" customFormat="1" ht="30" customHeight="1" x14ac:dyDescent="0.25">
      <c r="B67" s="64" t="s">
        <v>139</v>
      </c>
      <c r="C67" s="62" t="s">
        <v>177</v>
      </c>
      <c r="D67" s="45"/>
      <c r="E67" s="89"/>
      <c r="F67" s="90"/>
    </row>
    <row r="68" spans="2:6" s="4" customFormat="1" ht="20.100000000000001" customHeight="1" x14ac:dyDescent="0.25">
      <c r="B68" s="64" t="s">
        <v>140</v>
      </c>
      <c r="C68" s="62" t="s">
        <v>178</v>
      </c>
      <c r="D68" s="45"/>
      <c r="E68" s="89"/>
      <c r="F68" s="90"/>
    </row>
    <row r="69" spans="2:6" s="4" customFormat="1" ht="20.100000000000001" customHeight="1" x14ac:dyDescent="0.25">
      <c r="B69" s="64" t="s">
        <v>141</v>
      </c>
      <c r="C69" s="62" t="s">
        <v>142</v>
      </c>
      <c r="D69" s="45"/>
      <c r="E69" s="89"/>
      <c r="F69" s="90"/>
    </row>
    <row r="70" spans="2:6" s="4" customFormat="1" ht="20.100000000000001" customHeight="1" x14ac:dyDescent="0.25">
      <c r="B70" s="64" t="s">
        <v>143</v>
      </c>
      <c r="C70" s="62" t="s">
        <v>179</v>
      </c>
      <c r="D70" s="45"/>
      <c r="E70" s="89"/>
      <c r="F70" s="90"/>
    </row>
    <row r="71" spans="2:6" s="4" customFormat="1" ht="20.100000000000001" customHeight="1" x14ac:dyDescent="0.25">
      <c r="B71" s="64" t="s">
        <v>144</v>
      </c>
      <c r="C71" s="62" t="s">
        <v>145</v>
      </c>
      <c r="D71" s="45"/>
      <c r="E71" s="89"/>
      <c r="F71" s="90"/>
    </row>
    <row r="72" spans="2:6" s="4" customFormat="1" ht="20.100000000000001" customHeight="1" x14ac:dyDescent="0.25">
      <c r="B72" s="64" t="s">
        <v>146</v>
      </c>
      <c r="C72" s="62" t="s">
        <v>147</v>
      </c>
      <c r="D72" s="45"/>
      <c r="E72" s="89"/>
      <c r="F72" s="90"/>
    </row>
    <row r="73" spans="2:6" s="4" customFormat="1" ht="20.100000000000001" customHeight="1" x14ac:dyDescent="0.25">
      <c r="B73" s="64" t="s">
        <v>148</v>
      </c>
      <c r="C73" s="62" t="s">
        <v>149</v>
      </c>
      <c r="D73" s="45"/>
      <c r="E73" s="89"/>
      <c r="F73" s="90"/>
    </row>
    <row r="74" spans="2:6" s="4" customFormat="1" ht="20.100000000000001" customHeight="1" x14ac:dyDescent="0.25">
      <c r="B74" s="64" t="s">
        <v>150</v>
      </c>
      <c r="C74" s="62" t="s">
        <v>151</v>
      </c>
      <c r="D74" s="45"/>
      <c r="E74" s="89"/>
      <c r="F74" s="90"/>
    </row>
    <row r="75" spans="2:6" s="4" customFormat="1" ht="30" customHeight="1" x14ac:dyDescent="0.25">
      <c r="B75" s="64" t="s">
        <v>152</v>
      </c>
      <c r="C75" s="62" t="s">
        <v>180</v>
      </c>
      <c r="D75" s="45"/>
      <c r="E75" s="89"/>
      <c r="F75" s="90"/>
    </row>
    <row r="76" spans="2:6" s="4" customFormat="1" ht="30" customHeight="1" x14ac:dyDescent="0.25">
      <c r="B76" s="64" t="s">
        <v>153</v>
      </c>
      <c r="C76" s="62" t="s">
        <v>154</v>
      </c>
      <c r="D76" s="45"/>
      <c r="E76" s="89"/>
      <c r="F76" s="90"/>
    </row>
    <row r="77" spans="2:6" s="4" customFormat="1" ht="20.100000000000001" customHeight="1" x14ac:dyDescent="0.25">
      <c r="B77" s="65" t="s">
        <v>155</v>
      </c>
      <c r="C77" s="61" t="s">
        <v>156</v>
      </c>
      <c r="D77" s="45" t="s">
        <v>52</v>
      </c>
      <c r="E77" s="89"/>
      <c r="F77" s="90"/>
    </row>
    <row r="78" spans="2:6" s="4" customFormat="1" ht="20.100000000000001" customHeight="1" x14ac:dyDescent="0.25">
      <c r="B78" s="64" t="s">
        <v>157</v>
      </c>
      <c r="C78" s="62" t="s">
        <v>158</v>
      </c>
      <c r="D78" s="45"/>
      <c r="E78" s="89"/>
      <c r="F78" s="90"/>
    </row>
    <row r="79" spans="2:6" s="4" customFormat="1" ht="30" customHeight="1" x14ac:dyDescent="0.25">
      <c r="B79" s="64" t="s">
        <v>159</v>
      </c>
      <c r="C79" s="62" t="s">
        <v>181</v>
      </c>
      <c r="D79" s="45"/>
      <c r="E79" s="89"/>
      <c r="F79" s="90"/>
    </row>
    <row r="80" spans="2:6" s="4" customFormat="1" ht="20.100000000000001" customHeight="1" x14ac:dyDescent="0.25">
      <c r="B80" s="64" t="s">
        <v>160</v>
      </c>
      <c r="C80" s="62" t="s">
        <v>161</v>
      </c>
      <c r="D80" s="45"/>
      <c r="E80" s="87"/>
      <c r="F80" s="88"/>
    </row>
    <row r="81" spans="2:6" s="4" customFormat="1" ht="20.100000000000001" customHeight="1" x14ac:dyDescent="0.25">
      <c r="B81" s="64" t="s">
        <v>162</v>
      </c>
      <c r="C81" s="62" t="s">
        <v>163</v>
      </c>
      <c r="D81" s="45"/>
      <c r="E81" s="89"/>
      <c r="F81" s="90"/>
    </row>
    <row r="82" spans="2:6" s="4" customFormat="1" ht="30" customHeight="1" x14ac:dyDescent="0.25">
      <c r="B82" s="64" t="s">
        <v>164</v>
      </c>
      <c r="C82" s="62" t="s">
        <v>165</v>
      </c>
      <c r="D82" s="45"/>
      <c r="E82" s="89"/>
      <c r="F82" s="90"/>
    </row>
    <row r="83" spans="2:6" s="4" customFormat="1" ht="20.100000000000001" customHeight="1" x14ac:dyDescent="0.25">
      <c r="B83" s="64" t="s">
        <v>166</v>
      </c>
      <c r="C83" s="62" t="s">
        <v>167</v>
      </c>
      <c r="D83" s="45"/>
      <c r="E83" s="89"/>
      <c r="F83" s="90"/>
    </row>
    <row r="84" spans="2:6" s="4" customFormat="1" ht="30" customHeight="1" x14ac:dyDescent="0.25">
      <c r="B84" s="64" t="s">
        <v>168</v>
      </c>
      <c r="C84" s="62" t="s">
        <v>182</v>
      </c>
      <c r="D84" s="45"/>
      <c r="E84" s="89"/>
      <c r="F84" s="90"/>
    </row>
    <row r="85" spans="2:6" s="4" customFormat="1" ht="20.100000000000001" customHeight="1" x14ac:dyDescent="0.25">
      <c r="B85" s="64" t="s">
        <v>169</v>
      </c>
      <c r="C85" s="62" t="s">
        <v>183</v>
      </c>
      <c r="D85" s="45"/>
      <c r="E85" s="89"/>
      <c r="F85" s="90"/>
    </row>
    <row r="86" spans="2:6" s="4" customFormat="1" ht="30" customHeight="1" x14ac:dyDescent="0.25">
      <c r="B86" s="64" t="s">
        <v>170</v>
      </c>
      <c r="C86" s="62" t="s">
        <v>171</v>
      </c>
      <c r="D86" s="45"/>
      <c r="E86" s="89"/>
      <c r="F86" s="90"/>
    </row>
    <row r="87" spans="2:6" s="4" customFormat="1" ht="20.100000000000001" customHeight="1" x14ac:dyDescent="0.25">
      <c r="B87" s="158" t="s">
        <v>244</v>
      </c>
      <c r="C87" s="159"/>
      <c r="D87" s="86" t="s">
        <v>52</v>
      </c>
      <c r="E87" s="156"/>
      <c r="F87" s="157"/>
    </row>
    <row r="88" spans="2:6" s="4" customFormat="1" ht="20.100000000000001" customHeight="1" x14ac:dyDescent="0.25">
      <c r="B88" s="63">
        <v>2</v>
      </c>
      <c r="C88" s="61" t="s">
        <v>184</v>
      </c>
      <c r="D88" s="45" t="s">
        <v>52</v>
      </c>
      <c r="E88" s="89"/>
      <c r="F88" s="90"/>
    </row>
    <row r="89" spans="2:6" s="4" customFormat="1" ht="20.100000000000001" customHeight="1" x14ac:dyDescent="0.25">
      <c r="B89" s="64" t="s">
        <v>60</v>
      </c>
      <c r="C89" s="62" t="s">
        <v>98</v>
      </c>
      <c r="D89" s="45"/>
      <c r="E89" s="93"/>
      <c r="F89" s="94"/>
    </row>
    <row r="90" spans="2:6" s="4" customFormat="1" ht="20.100000000000001" customHeight="1" x14ac:dyDescent="0.25">
      <c r="B90" s="64" t="s">
        <v>68</v>
      </c>
      <c r="C90" s="62" t="s">
        <v>99</v>
      </c>
      <c r="D90" s="45"/>
      <c r="E90" s="93"/>
      <c r="F90" s="94"/>
    </row>
    <row r="91" spans="2:6" s="4" customFormat="1" ht="20.100000000000001" customHeight="1" x14ac:dyDescent="0.25">
      <c r="B91" s="64" t="s">
        <v>69</v>
      </c>
      <c r="C91" s="62" t="s">
        <v>100</v>
      </c>
      <c r="D91" s="45"/>
      <c r="E91" s="93"/>
      <c r="F91" s="94"/>
    </row>
    <row r="92" spans="2:6" s="4" customFormat="1" ht="20.100000000000001" customHeight="1" x14ac:dyDescent="0.25">
      <c r="B92" s="64" t="s">
        <v>70</v>
      </c>
      <c r="C92" s="62" t="s">
        <v>101</v>
      </c>
      <c r="D92" s="45"/>
      <c r="E92" s="93"/>
      <c r="F92" s="94"/>
    </row>
    <row r="93" spans="2:6" s="4" customFormat="1" ht="20.100000000000001" customHeight="1" x14ac:dyDescent="0.25">
      <c r="B93" s="64" t="s">
        <v>71</v>
      </c>
      <c r="C93" s="62" t="s">
        <v>102</v>
      </c>
      <c r="D93" s="45"/>
      <c r="E93" s="93"/>
      <c r="F93" s="94"/>
    </row>
    <row r="94" spans="2:6" s="4" customFormat="1" ht="20.100000000000001" customHeight="1" x14ac:dyDescent="0.25">
      <c r="B94" s="64" t="s">
        <v>72</v>
      </c>
      <c r="C94" s="62" t="s">
        <v>103</v>
      </c>
      <c r="D94" s="45"/>
      <c r="E94" s="93"/>
      <c r="F94" s="94"/>
    </row>
    <row r="95" spans="2:6" s="4" customFormat="1" ht="20.100000000000001" customHeight="1" x14ac:dyDescent="0.25">
      <c r="B95" s="64" t="s">
        <v>73</v>
      </c>
      <c r="C95" s="62" t="s">
        <v>105</v>
      </c>
      <c r="D95" s="45"/>
      <c r="E95" s="93"/>
      <c r="F95" s="94"/>
    </row>
    <row r="96" spans="2:6" s="4" customFormat="1" ht="20.100000000000001" customHeight="1" x14ac:dyDescent="0.25">
      <c r="B96" s="64" t="s">
        <v>74</v>
      </c>
      <c r="C96" s="62" t="s">
        <v>107</v>
      </c>
      <c r="D96" s="45"/>
      <c r="E96" s="93"/>
      <c r="F96" s="94"/>
    </row>
    <row r="97" spans="2:6" s="4" customFormat="1" ht="20.100000000000001" customHeight="1" x14ac:dyDescent="0.25">
      <c r="B97" s="64" t="s">
        <v>185</v>
      </c>
      <c r="C97" s="62" t="s">
        <v>109</v>
      </c>
      <c r="D97" s="45"/>
      <c r="E97" s="93"/>
      <c r="F97" s="94"/>
    </row>
    <row r="98" spans="2:6" s="4" customFormat="1" ht="20.100000000000001" customHeight="1" x14ac:dyDescent="0.25">
      <c r="B98" s="64" t="s">
        <v>186</v>
      </c>
      <c r="C98" s="62" t="s">
        <v>111</v>
      </c>
      <c r="D98" s="45"/>
      <c r="E98" s="93"/>
      <c r="F98" s="94"/>
    </row>
    <row r="99" spans="2:6" s="4" customFormat="1" ht="30" customHeight="1" x14ac:dyDescent="0.25">
      <c r="B99" s="64" t="s">
        <v>187</v>
      </c>
      <c r="C99" s="62" t="s">
        <v>113</v>
      </c>
      <c r="D99" s="45"/>
      <c r="E99" s="93"/>
      <c r="F99" s="94"/>
    </row>
    <row r="100" spans="2:6" s="4" customFormat="1" ht="30" customHeight="1" x14ac:dyDescent="0.25">
      <c r="B100" s="65" t="s">
        <v>188</v>
      </c>
      <c r="C100" s="61" t="s">
        <v>189</v>
      </c>
      <c r="D100" s="45" t="s">
        <v>52</v>
      </c>
      <c r="E100" s="93"/>
      <c r="F100" s="94"/>
    </row>
    <row r="101" spans="2:6" s="4" customFormat="1" ht="20.100000000000001" customHeight="1" x14ac:dyDescent="0.25">
      <c r="B101" s="64" t="s">
        <v>190</v>
      </c>
      <c r="C101" s="62" t="s">
        <v>226</v>
      </c>
      <c r="D101" s="45"/>
      <c r="E101" s="93"/>
      <c r="F101" s="94"/>
    </row>
    <row r="102" spans="2:6" s="4" customFormat="1" ht="30" customHeight="1" x14ac:dyDescent="0.25">
      <c r="B102" s="64" t="s">
        <v>191</v>
      </c>
      <c r="C102" s="62" t="s">
        <v>227</v>
      </c>
      <c r="D102" s="45"/>
      <c r="E102" s="93"/>
      <c r="F102" s="94"/>
    </row>
    <row r="103" spans="2:6" s="4" customFormat="1" ht="30" customHeight="1" x14ac:dyDescent="0.25">
      <c r="B103" s="64" t="s">
        <v>192</v>
      </c>
      <c r="C103" s="62" t="s">
        <v>228</v>
      </c>
      <c r="D103" s="45"/>
      <c r="E103" s="93"/>
      <c r="F103" s="94"/>
    </row>
    <row r="104" spans="2:6" s="4" customFormat="1" ht="30" customHeight="1" x14ac:dyDescent="0.25">
      <c r="B104" s="64" t="s">
        <v>193</v>
      </c>
      <c r="C104" s="62" t="s">
        <v>229</v>
      </c>
      <c r="D104" s="45"/>
      <c r="E104" s="93"/>
      <c r="F104" s="94"/>
    </row>
    <row r="105" spans="2:6" s="4" customFormat="1" ht="20.100000000000001" customHeight="1" x14ac:dyDescent="0.25">
      <c r="B105" s="65" t="s">
        <v>194</v>
      </c>
      <c r="C105" s="61" t="s">
        <v>121</v>
      </c>
      <c r="D105" s="45" t="s">
        <v>52</v>
      </c>
      <c r="E105" s="93"/>
      <c r="F105" s="94"/>
    </row>
    <row r="106" spans="2:6" s="4" customFormat="1" ht="20.100000000000001" customHeight="1" x14ac:dyDescent="0.25">
      <c r="B106" s="64" t="s">
        <v>195</v>
      </c>
      <c r="C106" s="62" t="s">
        <v>123</v>
      </c>
      <c r="D106" s="45"/>
      <c r="E106" s="93"/>
      <c r="F106" s="94"/>
    </row>
    <row r="107" spans="2:6" s="4" customFormat="1" ht="20.100000000000001" customHeight="1" x14ac:dyDescent="0.25">
      <c r="B107" s="64" t="s">
        <v>196</v>
      </c>
      <c r="C107" s="62" t="s">
        <v>125</v>
      </c>
      <c r="D107" s="45"/>
      <c r="E107" s="93"/>
      <c r="F107" s="94"/>
    </row>
    <row r="108" spans="2:6" s="4" customFormat="1" ht="20.100000000000001" customHeight="1" x14ac:dyDescent="0.25">
      <c r="B108" s="64" t="s">
        <v>197</v>
      </c>
      <c r="C108" s="62" t="s">
        <v>127</v>
      </c>
      <c r="D108" s="45"/>
      <c r="E108" s="93"/>
      <c r="F108" s="94"/>
    </row>
    <row r="109" spans="2:6" s="4" customFormat="1" ht="20.100000000000001" customHeight="1" x14ac:dyDescent="0.25">
      <c r="B109" s="64" t="s">
        <v>198</v>
      </c>
      <c r="C109" s="62" t="s">
        <v>129</v>
      </c>
      <c r="D109" s="45"/>
      <c r="E109" s="93"/>
      <c r="F109" s="94"/>
    </row>
    <row r="110" spans="2:6" s="4" customFormat="1" ht="20.100000000000001" customHeight="1" x14ac:dyDescent="0.25">
      <c r="B110" s="64" t="s">
        <v>199</v>
      </c>
      <c r="C110" s="62" t="s">
        <v>131</v>
      </c>
      <c r="D110" s="45"/>
      <c r="E110" s="93"/>
      <c r="F110" s="94"/>
    </row>
    <row r="111" spans="2:6" s="4" customFormat="1" ht="30" customHeight="1" x14ac:dyDescent="0.25">
      <c r="B111" s="64" t="s">
        <v>200</v>
      </c>
      <c r="C111" s="62" t="s">
        <v>176</v>
      </c>
      <c r="D111" s="45"/>
      <c r="E111" s="93"/>
      <c r="F111" s="94"/>
    </row>
    <row r="112" spans="2:6" s="4" customFormat="1" ht="20.100000000000001" customHeight="1" x14ac:dyDescent="0.25">
      <c r="B112" s="64" t="s">
        <v>201</v>
      </c>
      <c r="C112" s="62" t="s">
        <v>134</v>
      </c>
      <c r="D112" s="45"/>
      <c r="E112" s="93"/>
      <c r="F112" s="94"/>
    </row>
    <row r="113" spans="2:6" s="4" customFormat="1" ht="20.100000000000001" customHeight="1" x14ac:dyDescent="0.25">
      <c r="B113" s="64" t="s">
        <v>202</v>
      </c>
      <c r="C113" s="62" t="s">
        <v>136</v>
      </c>
      <c r="D113" s="45"/>
      <c r="E113" s="93"/>
      <c r="F113" s="94"/>
    </row>
    <row r="114" spans="2:6" s="4" customFormat="1" ht="20.100000000000001" customHeight="1" x14ac:dyDescent="0.25">
      <c r="B114" s="64" t="s">
        <v>203</v>
      </c>
      <c r="C114" s="62" t="s">
        <v>138</v>
      </c>
      <c r="D114" s="45"/>
      <c r="E114" s="93"/>
      <c r="F114" s="94"/>
    </row>
    <row r="115" spans="2:6" s="4" customFormat="1" ht="30" customHeight="1" x14ac:dyDescent="0.25">
      <c r="B115" s="64" t="s">
        <v>204</v>
      </c>
      <c r="C115" s="62" t="s">
        <v>177</v>
      </c>
      <c r="D115" s="45"/>
      <c r="E115" s="93"/>
      <c r="F115" s="94"/>
    </row>
    <row r="116" spans="2:6" s="4" customFormat="1" ht="20.100000000000001" customHeight="1" x14ac:dyDescent="0.25">
      <c r="B116" s="64" t="s">
        <v>205</v>
      </c>
      <c r="C116" s="62" t="s">
        <v>178</v>
      </c>
      <c r="D116" s="45"/>
      <c r="E116" s="93"/>
      <c r="F116" s="94"/>
    </row>
    <row r="117" spans="2:6" s="4" customFormat="1" ht="20.100000000000001" customHeight="1" x14ac:dyDescent="0.25">
      <c r="B117" s="64" t="s">
        <v>206</v>
      </c>
      <c r="C117" s="62" t="s">
        <v>142</v>
      </c>
      <c r="D117" s="45"/>
      <c r="E117" s="93"/>
      <c r="F117" s="94"/>
    </row>
    <row r="118" spans="2:6" s="4" customFormat="1" ht="20.100000000000001" customHeight="1" x14ac:dyDescent="0.25">
      <c r="B118" s="64" t="s">
        <v>207</v>
      </c>
      <c r="C118" s="62" t="s">
        <v>179</v>
      </c>
      <c r="D118" s="45"/>
      <c r="E118" s="93"/>
      <c r="F118" s="94"/>
    </row>
    <row r="119" spans="2:6" s="4" customFormat="1" ht="20.100000000000001" customHeight="1" x14ac:dyDescent="0.25">
      <c r="B119" s="64" t="s">
        <v>208</v>
      </c>
      <c r="C119" s="62" t="s">
        <v>145</v>
      </c>
      <c r="D119" s="45"/>
      <c r="E119" s="93"/>
      <c r="F119" s="94"/>
    </row>
    <row r="120" spans="2:6" s="4" customFormat="1" ht="20.100000000000001" customHeight="1" x14ac:dyDescent="0.25">
      <c r="B120" s="64" t="s">
        <v>209</v>
      </c>
      <c r="C120" s="62" t="s">
        <v>147</v>
      </c>
      <c r="D120" s="45"/>
      <c r="E120" s="93"/>
      <c r="F120" s="94"/>
    </row>
    <row r="121" spans="2:6" s="4" customFormat="1" ht="20.100000000000001" customHeight="1" x14ac:dyDescent="0.25">
      <c r="B121" s="64" t="s">
        <v>210</v>
      </c>
      <c r="C121" s="62" t="s">
        <v>211</v>
      </c>
      <c r="D121" s="45"/>
      <c r="E121" s="93"/>
      <c r="F121" s="94"/>
    </row>
    <row r="122" spans="2:6" s="4" customFormat="1" ht="20.100000000000001" customHeight="1" x14ac:dyDescent="0.25">
      <c r="B122" s="64" t="s">
        <v>212</v>
      </c>
      <c r="C122" s="62" t="s">
        <v>213</v>
      </c>
      <c r="D122" s="45"/>
      <c r="E122" s="93"/>
      <c r="F122" s="94"/>
    </row>
    <row r="123" spans="2:6" s="4" customFormat="1" ht="30" customHeight="1" x14ac:dyDescent="0.25">
      <c r="B123" s="64" t="s">
        <v>214</v>
      </c>
      <c r="C123" s="62" t="s">
        <v>180</v>
      </c>
      <c r="D123" s="45"/>
      <c r="E123" s="93"/>
      <c r="F123" s="94"/>
    </row>
    <row r="124" spans="2:6" s="4" customFormat="1" ht="30" customHeight="1" x14ac:dyDescent="0.25">
      <c r="B124" s="64" t="s">
        <v>215</v>
      </c>
      <c r="C124" s="62" t="s">
        <v>154</v>
      </c>
      <c r="D124" s="45"/>
      <c r="E124" s="93"/>
      <c r="F124" s="94"/>
    </row>
    <row r="125" spans="2:6" s="4" customFormat="1" ht="20.100000000000001" customHeight="1" x14ac:dyDescent="0.25">
      <c r="B125" s="65" t="s">
        <v>216</v>
      </c>
      <c r="C125" s="61" t="s">
        <v>156</v>
      </c>
      <c r="D125" s="45" t="s">
        <v>52</v>
      </c>
      <c r="E125" s="93"/>
      <c r="F125" s="94"/>
    </row>
    <row r="126" spans="2:6" s="4" customFormat="1" ht="20.100000000000001" customHeight="1" x14ac:dyDescent="0.25">
      <c r="B126" s="64" t="s">
        <v>217</v>
      </c>
      <c r="C126" s="62" t="s">
        <v>158</v>
      </c>
      <c r="D126" s="45"/>
      <c r="E126" s="93"/>
      <c r="F126" s="94"/>
    </row>
    <row r="127" spans="2:6" s="4" customFormat="1" ht="30" customHeight="1" x14ac:dyDescent="0.25">
      <c r="B127" s="64" t="s">
        <v>218</v>
      </c>
      <c r="C127" s="62" t="s">
        <v>181</v>
      </c>
      <c r="D127" s="45"/>
      <c r="E127" s="93"/>
      <c r="F127" s="94"/>
    </row>
    <row r="128" spans="2:6" s="4" customFormat="1" ht="20.100000000000001" customHeight="1" x14ac:dyDescent="0.25">
      <c r="B128" s="64" t="s">
        <v>219</v>
      </c>
      <c r="C128" s="62" t="s">
        <v>161</v>
      </c>
      <c r="D128" s="45"/>
      <c r="E128" s="93"/>
      <c r="F128" s="94"/>
    </row>
    <row r="129" spans="2:6" s="4" customFormat="1" ht="20.100000000000001" customHeight="1" x14ac:dyDescent="0.25">
      <c r="B129" s="64" t="s">
        <v>220</v>
      </c>
      <c r="C129" s="62" t="s">
        <v>163</v>
      </c>
      <c r="D129" s="45"/>
      <c r="E129" s="93"/>
      <c r="F129" s="94"/>
    </row>
    <row r="130" spans="2:6" s="4" customFormat="1" ht="30" customHeight="1" x14ac:dyDescent="0.25">
      <c r="B130" s="64" t="s">
        <v>221</v>
      </c>
      <c r="C130" s="62" t="s">
        <v>165</v>
      </c>
      <c r="D130" s="45"/>
      <c r="E130" s="93"/>
      <c r="F130" s="94"/>
    </row>
    <row r="131" spans="2:6" s="4" customFormat="1" ht="20.100000000000001" customHeight="1" x14ac:dyDescent="0.25">
      <c r="B131" s="64" t="s">
        <v>222</v>
      </c>
      <c r="C131" s="62" t="s">
        <v>167</v>
      </c>
      <c r="D131" s="45"/>
      <c r="E131" s="93"/>
      <c r="F131" s="94"/>
    </row>
    <row r="132" spans="2:6" s="4" customFormat="1" ht="30" customHeight="1" x14ac:dyDescent="0.25">
      <c r="B132" s="64" t="s">
        <v>223</v>
      </c>
      <c r="C132" s="62" t="s">
        <v>182</v>
      </c>
      <c r="D132" s="45"/>
      <c r="E132" s="93"/>
      <c r="F132" s="94"/>
    </row>
    <row r="133" spans="2:6" s="4" customFormat="1" ht="20.100000000000001" customHeight="1" x14ac:dyDescent="0.25">
      <c r="B133" s="64" t="s">
        <v>224</v>
      </c>
      <c r="C133" s="62" t="s">
        <v>183</v>
      </c>
      <c r="D133" s="45"/>
      <c r="E133" s="93"/>
      <c r="F133" s="94"/>
    </row>
    <row r="134" spans="2:6" s="4" customFormat="1" ht="30" customHeight="1" x14ac:dyDescent="0.25">
      <c r="B134" s="64" t="s">
        <v>225</v>
      </c>
      <c r="C134" s="62" t="s">
        <v>171</v>
      </c>
      <c r="D134" s="45"/>
      <c r="E134" s="93"/>
      <c r="F134" s="94"/>
    </row>
    <row r="135" spans="2:6" s="4" customFormat="1" ht="20.100000000000001" customHeight="1" x14ac:dyDescent="0.25">
      <c r="B135" s="152" t="s">
        <v>237</v>
      </c>
      <c r="C135" s="153"/>
      <c r="D135" s="85" t="s">
        <v>52</v>
      </c>
      <c r="E135" s="154"/>
      <c r="F135" s="155"/>
    </row>
    <row r="136" spans="2:6" s="4" customFormat="1" ht="30" customHeight="1" x14ac:dyDescent="0.25">
      <c r="B136" s="64" t="s">
        <v>75</v>
      </c>
      <c r="C136" s="62" t="s">
        <v>230</v>
      </c>
      <c r="D136" s="45"/>
      <c r="E136" s="89"/>
      <c r="F136" s="90"/>
    </row>
    <row r="137" spans="2:6" s="4" customFormat="1" ht="69" customHeight="1" x14ac:dyDescent="0.25">
      <c r="B137" s="64" t="s">
        <v>76</v>
      </c>
      <c r="C137" s="62" t="s">
        <v>231</v>
      </c>
      <c r="D137" s="45"/>
      <c r="E137" s="89"/>
      <c r="F137" s="90"/>
    </row>
    <row r="138" spans="2:6" s="4" customFormat="1" ht="40.5" customHeight="1" x14ac:dyDescent="0.25">
      <c r="B138" s="64" t="s">
        <v>77</v>
      </c>
      <c r="C138" s="62" t="s">
        <v>232</v>
      </c>
      <c r="D138" s="45"/>
      <c r="E138" s="89"/>
      <c r="F138" s="90"/>
    </row>
    <row r="139" spans="2:6" s="4" customFormat="1" ht="50.25" customHeight="1" x14ac:dyDescent="0.25">
      <c r="B139" s="64" t="s">
        <v>78</v>
      </c>
      <c r="C139" s="62" t="s">
        <v>233</v>
      </c>
      <c r="D139" s="45"/>
      <c r="E139" s="89"/>
      <c r="F139" s="90"/>
    </row>
    <row r="140" spans="2:6" s="4" customFormat="1" ht="30" customHeight="1" x14ac:dyDescent="0.25">
      <c r="B140" s="64" t="s">
        <v>79</v>
      </c>
      <c r="C140" s="62" t="s">
        <v>234</v>
      </c>
      <c r="D140" s="45"/>
      <c r="E140" s="89"/>
      <c r="F140" s="90"/>
    </row>
    <row r="141" spans="2:6" s="4" customFormat="1" ht="40.5" customHeight="1" x14ac:dyDescent="0.25">
      <c r="B141" s="64" t="s">
        <v>80</v>
      </c>
      <c r="C141" s="62" t="s">
        <v>235</v>
      </c>
      <c r="D141" s="45"/>
      <c r="E141" s="89"/>
      <c r="F141" s="90"/>
    </row>
    <row r="142" spans="2:6" s="4" customFormat="1" ht="20.100000000000001" customHeight="1" x14ac:dyDescent="0.25">
      <c r="B142" s="83" t="s">
        <v>236</v>
      </c>
      <c r="C142" s="84"/>
      <c r="D142" s="85" t="s">
        <v>52</v>
      </c>
      <c r="E142" s="154"/>
      <c r="F142" s="155"/>
    </row>
    <row r="143" spans="2:6" s="4" customFormat="1" ht="20.100000000000001" customHeight="1" x14ac:dyDescent="0.25">
      <c r="B143" s="64" t="s">
        <v>81</v>
      </c>
      <c r="C143" s="62" t="s">
        <v>238</v>
      </c>
      <c r="D143" s="45"/>
      <c r="E143" s="89"/>
      <c r="F143" s="90"/>
    </row>
    <row r="144" spans="2:6" s="4" customFormat="1" ht="20.100000000000001" customHeight="1" x14ac:dyDescent="0.25">
      <c r="B144" s="64" t="s">
        <v>82</v>
      </c>
      <c r="C144" s="62" t="s">
        <v>239</v>
      </c>
      <c r="D144" s="45"/>
      <c r="E144" s="89"/>
      <c r="F144" s="90"/>
    </row>
    <row r="145" spans="1:6" s="4" customFormat="1" ht="50.25" customHeight="1" x14ac:dyDescent="0.25">
      <c r="B145" s="64" t="s">
        <v>83</v>
      </c>
      <c r="C145" s="62" t="s">
        <v>240</v>
      </c>
      <c r="D145" s="45"/>
      <c r="E145" s="89"/>
      <c r="F145" s="90"/>
    </row>
    <row r="146" spans="1:6" s="4" customFormat="1" ht="38.25" x14ac:dyDescent="0.25">
      <c r="B146" s="64" t="s">
        <v>84</v>
      </c>
      <c r="C146" s="62" t="s">
        <v>241</v>
      </c>
      <c r="D146" s="45"/>
      <c r="E146" s="89"/>
      <c r="F146" s="90"/>
    </row>
    <row r="147" spans="1:6" s="4" customFormat="1" ht="39" thickBot="1" x14ac:dyDescent="0.3">
      <c r="B147" s="66" t="s">
        <v>85</v>
      </c>
      <c r="C147" s="67" t="s">
        <v>242</v>
      </c>
      <c r="D147" s="47"/>
      <c r="E147" s="91"/>
      <c r="F147" s="92"/>
    </row>
    <row r="148" spans="1:6" s="2" customFormat="1" ht="4.5" customHeight="1" x14ac:dyDescent="0.25">
      <c r="B148" s="15"/>
      <c r="D148" s="51"/>
      <c r="E148" s="51"/>
      <c r="F148" s="51"/>
    </row>
    <row r="149" spans="1:6" s="2" customFormat="1" ht="20.100000000000001" customHeight="1" x14ac:dyDescent="0.25">
      <c r="B149" s="102" t="s">
        <v>43</v>
      </c>
      <c r="C149" s="102"/>
      <c r="D149" s="102"/>
      <c r="E149" s="102"/>
      <c r="F149" s="102"/>
    </row>
    <row r="150" spans="1:6" s="2" customFormat="1" ht="5.0999999999999996" customHeight="1" thickBot="1" x14ac:dyDescent="0.3">
      <c r="B150" s="15"/>
      <c r="D150" s="6"/>
      <c r="E150" s="6"/>
      <c r="F150" s="6"/>
    </row>
    <row r="151" spans="1:6" s="3" customFormat="1" ht="69" customHeight="1" x14ac:dyDescent="0.25">
      <c r="B151" s="107" t="s">
        <v>6</v>
      </c>
      <c r="C151" s="108"/>
      <c r="D151" s="111" t="s">
        <v>28</v>
      </c>
      <c r="E151" s="112"/>
      <c r="F151" s="113"/>
    </row>
    <row r="152" spans="1:6" s="3" customFormat="1" ht="30" customHeight="1" thickBot="1" x14ac:dyDescent="0.3">
      <c r="A152" s="74"/>
      <c r="B152" s="160"/>
      <c r="C152" s="161"/>
      <c r="D152" s="23" t="s">
        <v>5</v>
      </c>
      <c r="E152" s="147" t="s">
        <v>29</v>
      </c>
      <c r="F152" s="148"/>
    </row>
    <row r="153" spans="1:6" s="2" customFormat="1" ht="25.5" x14ac:dyDescent="0.25">
      <c r="B153" s="58" t="s">
        <v>14</v>
      </c>
      <c r="C153" s="69" t="s">
        <v>296</v>
      </c>
      <c r="D153" s="77"/>
      <c r="E153" s="143"/>
      <c r="F153" s="144"/>
    </row>
    <row r="154" spans="1:6" s="2" customFormat="1" ht="25.5" x14ac:dyDescent="0.25">
      <c r="B154" s="44" t="s">
        <v>53</v>
      </c>
      <c r="C154" s="62" t="s">
        <v>268</v>
      </c>
      <c r="D154" s="45"/>
      <c r="E154" s="137"/>
      <c r="F154" s="138"/>
    </row>
    <row r="155" spans="1:6" s="2" customFormat="1" ht="25.5" x14ac:dyDescent="0.25">
      <c r="B155" s="44" t="s">
        <v>56</v>
      </c>
      <c r="C155" s="62" t="s">
        <v>269</v>
      </c>
      <c r="D155" s="45"/>
      <c r="E155" s="137"/>
      <c r="F155" s="138"/>
    </row>
    <row r="156" spans="1:6" s="2" customFormat="1" ht="51" x14ac:dyDescent="0.25">
      <c r="B156" s="44" t="s">
        <v>54</v>
      </c>
      <c r="C156" s="62" t="s">
        <v>270</v>
      </c>
      <c r="D156" s="45"/>
      <c r="E156" s="137"/>
      <c r="F156" s="138"/>
    </row>
    <row r="157" spans="1:6" s="2" customFormat="1" ht="38.25" x14ac:dyDescent="0.25">
      <c r="B157" s="73" t="s">
        <v>55</v>
      </c>
      <c r="C157" s="78" t="s">
        <v>271</v>
      </c>
      <c r="D157" s="48"/>
      <c r="E157" s="145"/>
      <c r="F157" s="146"/>
    </row>
    <row r="158" spans="1:6" s="2" customFormat="1" ht="89.25" x14ac:dyDescent="0.25">
      <c r="B158" s="44" t="s">
        <v>57</v>
      </c>
      <c r="C158" s="62" t="s">
        <v>272</v>
      </c>
      <c r="D158" s="45"/>
      <c r="E158" s="139"/>
      <c r="F158" s="140"/>
    </row>
    <row r="159" spans="1:6" s="2" customFormat="1" ht="25.5" x14ac:dyDescent="0.25">
      <c r="B159" s="44" t="s">
        <v>58</v>
      </c>
      <c r="C159" s="62" t="s">
        <v>273</v>
      </c>
      <c r="D159" s="45"/>
      <c r="E159" s="134"/>
      <c r="F159" s="135"/>
    </row>
    <row r="160" spans="1:6" s="2" customFormat="1" ht="51" x14ac:dyDescent="0.25">
      <c r="B160" s="44" t="s">
        <v>59</v>
      </c>
      <c r="C160" s="62" t="s">
        <v>274</v>
      </c>
      <c r="D160" s="45"/>
      <c r="E160" s="134"/>
      <c r="F160" s="135"/>
    </row>
    <row r="161" spans="1:6" s="3" customFormat="1" x14ac:dyDescent="0.25">
      <c r="A161" s="74"/>
      <c r="B161" s="81" t="s">
        <v>246</v>
      </c>
      <c r="C161" s="79" t="s">
        <v>275</v>
      </c>
      <c r="D161" s="80"/>
      <c r="E161" s="141"/>
      <c r="F161" s="142"/>
    </row>
    <row r="162" spans="1:6" s="2" customFormat="1" ht="25.5" x14ac:dyDescent="0.25">
      <c r="B162" s="64" t="s">
        <v>247</v>
      </c>
      <c r="C162" s="62" t="s">
        <v>276</v>
      </c>
      <c r="D162" s="48"/>
      <c r="E162" s="52"/>
      <c r="F162" s="53"/>
    </row>
    <row r="163" spans="1:6" s="2" customFormat="1" ht="38.25" x14ac:dyDescent="0.25">
      <c r="B163" s="82" t="s">
        <v>248</v>
      </c>
      <c r="C163" s="62" t="s">
        <v>277</v>
      </c>
      <c r="D163" s="48"/>
      <c r="E163" s="49"/>
      <c r="F163" s="50"/>
    </row>
    <row r="164" spans="1:6" s="2" customFormat="1" ht="25.5" x14ac:dyDescent="0.25">
      <c r="B164" s="82" t="s">
        <v>249</v>
      </c>
      <c r="C164" s="62" t="s">
        <v>278</v>
      </c>
      <c r="D164" s="48"/>
      <c r="E164" s="49"/>
      <c r="F164" s="50"/>
    </row>
    <row r="165" spans="1:6" s="2" customFormat="1" ht="63.75" x14ac:dyDescent="0.25">
      <c r="B165" s="82" t="s">
        <v>250</v>
      </c>
      <c r="C165" s="62" t="s">
        <v>279</v>
      </c>
      <c r="D165" s="48"/>
      <c r="E165" s="49"/>
      <c r="F165" s="50"/>
    </row>
    <row r="166" spans="1:6" s="2" customFormat="1" ht="38.25" x14ac:dyDescent="0.25">
      <c r="B166" s="82" t="s">
        <v>251</v>
      </c>
      <c r="C166" s="62" t="s">
        <v>243</v>
      </c>
      <c r="D166" s="48"/>
      <c r="E166" s="49"/>
      <c r="F166" s="50"/>
    </row>
    <row r="167" spans="1:6" s="2" customFormat="1" ht="51" x14ac:dyDescent="0.25">
      <c r="B167" s="82" t="s">
        <v>252</v>
      </c>
      <c r="C167" s="62" t="s">
        <v>280</v>
      </c>
      <c r="D167" s="48"/>
      <c r="E167" s="49"/>
      <c r="F167" s="50"/>
    </row>
    <row r="168" spans="1:6" s="2" customFormat="1" ht="38.25" x14ac:dyDescent="0.25">
      <c r="B168" s="82" t="s">
        <v>253</v>
      </c>
      <c r="C168" s="62" t="s">
        <v>281</v>
      </c>
      <c r="D168" s="48"/>
      <c r="E168" s="49"/>
      <c r="F168" s="50"/>
    </row>
    <row r="169" spans="1:6" s="2" customFormat="1" ht="25.5" x14ac:dyDescent="0.25">
      <c r="B169" s="82" t="s">
        <v>254</v>
      </c>
      <c r="C169" s="62" t="s">
        <v>282</v>
      </c>
      <c r="D169" s="48"/>
      <c r="E169" s="49"/>
      <c r="F169" s="50"/>
    </row>
    <row r="170" spans="1:6" s="2" customFormat="1" ht="96" customHeight="1" x14ac:dyDescent="0.25">
      <c r="B170" s="82" t="s">
        <v>255</v>
      </c>
      <c r="C170" s="62" t="s">
        <v>283</v>
      </c>
      <c r="D170" s="48"/>
      <c r="E170" s="49"/>
      <c r="F170" s="50"/>
    </row>
    <row r="171" spans="1:6" s="2" customFormat="1" ht="38.25" x14ac:dyDescent="0.25">
      <c r="B171" s="82" t="s">
        <v>256</v>
      </c>
      <c r="C171" s="62" t="s">
        <v>284</v>
      </c>
      <c r="D171" s="48"/>
      <c r="E171" s="49"/>
      <c r="F171" s="50"/>
    </row>
    <row r="172" spans="1:6" s="2" customFormat="1" ht="38.25" x14ac:dyDescent="0.25">
      <c r="B172" s="82" t="s">
        <v>257</v>
      </c>
      <c r="C172" s="62" t="s">
        <v>284</v>
      </c>
      <c r="D172" s="48"/>
      <c r="E172" s="49"/>
      <c r="F172" s="50"/>
    </row>
    <row r="173" spans="1:6" s="2" customFormat="1" ht="76.5" x14ac:dyDescent="0.25">
      <c r="B173" s="82" t="s">
        <v>258</v>
      </c>
      <c r="C173" s="62" t="s">
        <v>285</v>
      </c>
      <c r="D173" s="48"/>
      <c r="E173" s="49"/>
      <c r="F173" s="50"/>
    </row>
    <row r="174" spans="1:6" s="2" customFormat="1" ht="232.5" customHeight="1" x14ac:dyDescent="0.25">
      <c r="B174" s="82" t="s">
        <v>259</v>
      </c>
      <c r="C174" s="62" t="s">
        <v>286</v>
      </c>
      <c r="D174" s="48"/>
      <c r="E174" s="49"/>
      <c r="F174" s="50"/>
    </row>
    <row r="175" spans="1:6" s="2" customFormat="1" ht="114.75" x14ac:dyDescent="0.25">
      <c r="B175" s="82" t="s">
        <v>260</v>
      </c>
      <c r="C175" s="62" t="s">
        <v>287</v>
      </c>
      <c r="D175" s="48"/>
      <c r="E175" s="49"/>
      <c r="F175" s="50"/>
    </row>
    <row r="176" spans="1:6" s="2" customFormat="1" ht="51" x14ac:dyDescent="0.25">
      <c r="B176" s="82" t="s">
        <v>261</v>
      </c>
      <c r="C176" s="62" t="s">
        <v>288</v>
      </c>
      <c r="D176" s="48"/>
      <c r="E176" s="49"/>
      <c r="F176" s="50"/>
    </row>
    <row r="177" spans="2:7" s="2" customFormat="1" ht="153" x14ac:dyDescent="0.25">
      <c r="B177" s="82" t="s">
        <v>262</v>
      </c>
      <c r="C177" s="62" t="s">
        <v>289</v>
      </c>
      <c r="D177" s="48"/>
      <c r="E177" s="49"/>
      <c r="F177" s="50"/>
    </row>
    <row r="178" spans="2:7" s="2" customFormat="1" ht="76.5" x14ac:dyDescent="0.25">
      <c r="B178" s="82" t="s">
        <v>263</v>
      </c>
      <c r="C178" s="62" t="s">
        <v>290</v>
      </c>
      <c r="D178" s="48"/>
      <c r="E178" s="49"/>
      <c r="F178" s="50"/>
    </row>
    <row r="179" spans="2:7" s="2" customFormat="1" ht="188.25" customHeight="1" x14ac:dyDescent="0.25">
      <c r="B179" s="64" t="s">
        <v>264</v>
      </c>
      <c r="C179" s="62" t="s">
        <v>291</v>
      </c>
      <c r="D179" s="48"/>
      <c r="E179" s="49"/>
      <c r="F179" s="50"/>
    </row>
    <row r="180" spans="2:7" s="2" customFormat="1" ht="89.25" x14ac:dyDescent="0.25">
      <c r="B180" s="64" t="s">
        <v>265</v>
      </c>
      <c r="C180" s="62" t="s">
        <v>292</v>
      </c>
      <c r="D180" s="48"/>
      <c r="E180" s="49"/>
      <c r="F180" s="50"/>
    </row>
    <row r="181" spans="2:7" s="2" customFormat="1" ht="114.75" x14ac:dyDescent="0.25">
      <c r="B181" s="64" t="s">
        <v>266</v>
      </c>
      <c r="C181" s="62" t="s">
        <v>293</v>
      </c>
      <c r="D181" s="48"/>
      <c r="E181" s="49"/>
      <c r="F181" s="50"/>
    </row>
    <row r="182" spans="2:7" s="2" customFormat="1" ht="64.5" thickBot="1" x14ac:dyDescent="0.3">
      <c r="B182" s="66" t="s">
        <v>267</v>
      </c>
      <c r="C182" s="67" t="s">
        <v>294</v>
      </c>
      <c r="D182" s="47"/>
      <c r="E182" s="75"/>
      <c r="F182" s="76"/>
    </row>
    <row r="183" spans="2:7" s="3" customFormat="1" ht="5.0999999999999996" customHeight="1" x14ac:dyDescent="0.25">
      <c r="B183" s="5"/>
      <c r="C183" s="5"/>
      <c r="D183" s="7"/>
      <c r="E183" s="7"/>
      <c r="F183" s="25"/>
      <c r="G183" s="2"/>
    </row>
    <row r="184" spans="2:7" s="2" customFormat="1" ht="20.100000000000001" customHeight="1" x14ac:dyDescent="0.25">
      <c r="B184" s="102" t="s">
        <v>49</v>
      </c>
      <c r="C184" s="102"/>
      <c r="D184" s="102"/>
      <c r="E184" s="102"/>
      <c r="F184" s="102"/>
    </row>
    <row r="185" spans="2:7" s="2" customFormat="1" ht="4.5" customHeight="1" thickBot="1" x14ac:dyDescent="0.3"/>
    <row r="186" spans="2:7" s="2" customFormat="1" ht="80.25" customHeight="1" x14ac:dyDescent="0.25">
      <c r="B186" s="107" t="s">
        <v>50</v>
      </c>
      <c r="C186" s="108"/>
      <c r="D186" s="111" t="s">
        <v>51</v>
      </c>
      <c r="E186" s="112"/>
      <c r="F186" s="113"/>
    </row>
    <row r="187" spans="2:7" s="3" customFormat="1" ht="29.25" customHeight="1" x14ac:dyDescent="0.25">
      <c r="B187" s="109"/>
      <c r="C187" s="110"/>
      <c r="D187" s="71" t="s">
        <v>5</v>
      </c>
      <c r="E187" s="114" t="s">
        <v>29</v>
      </c>
      <c r="F187" s="115"/>
      <c r="G187" s="2"/>
    </row>
    <row r="188" spans="2:7" s="3" customFormat="1" ht="89.25" x14ac:dyDescent="0.25">
      <c r="B188" s="44" t="s">
        <v>14</v>
      </c>
      <c r="C188" s="62" t="s">
        <v>295</v>
      </c>
      <c r="D188" s="72"/>
      <c r="E188" s="123"/>
      <c r="F188" s="124"/>
      <c r="G188" s="2"/>
    </row>
    <row r="189" spans="2:7" s="2" customFormat="1" ht="5.0999999999999996" customHeight="1" x14ac:dyDescent="0.25">
      <c r="B189" s="5"/>
      <c r="C189" s="5"/>
      <c r="D189" s="7"/>
      <c r="E189" s="7"/>
      <c r="F189" s="25"/>
    </row>
    <row r="190" spans="2:7" s="2" customFormat="1" ht="20.100000000000001" customHeight="1" x14ac:dyDescent="0.25">
      <c r="B190" s="102" t="s">
        <v>13</v>
      </c>
      <c r="C190" s="102"/>
      <c r="D190" s="102"/>
      <c r="E190" s="102"/>
      <c r="F190" s="102"/>
    </row>
    <row r="191" spans="2:7" s="3" customFormat="1" ht="22.5" customHeight="1" x14ac:dyDescent="0.25">
      <c r="B191" s="5" t="s">
        <v>15</v>
      </c>
      <c r="C191" s="120" t="s">
        <v>87</v>
      </c>
      <c r="D191" s="120"/>
      <c r="E191" s="120"/>
      <c r="F191" s="120"/>
      <c r="G191" s="2"/>
    </row>
    <row r="192" spans="2:7" s="27" customFormat="1" ht="21" customHeight="1" x14ac:dyDescent="0.25">
      <c r="B192" s="121" t="s">
        <v>30</v>
      </c>
      <c r="C192" s="121"/>
      <c r="D192" s="121"/>
      <c r="E192" s="121"/>
      <c r="F192" s="3"/>
      <c r="G192" s="2"/>
    </row>
    <row r="193" spans="2:7" s="2" customFormat="1" ht="24.95" customHeight="1" x14ac:dyDescent="0.25">
      <c r="B193" s="26" t="s">
        <v>31</v>
      </c>
      <c r="C193" s="118"/>
      <c r="D193" s="118"/>
      <c r="F193" s="27"/>
    </row>
    <row r="194" spans="2:7" s="2" customFormat="1" ht="24.95" customHeight="1" x14ac:dyDescent="0.25">
      <c r="B194" s="26" t="s">
        <v>32</v>
      </c>
      <c r="C194" s="118"/>
      <c r="D194" s="118"/>
      <c r="F194" s="27"/>
    </row>
    <row r="195" spans="2:7" s="2" customFormat="1" ht="24.95" customHeight="1" x14ac:dyDescent="0.25">
      <c r="B195" s="26" t="s">
        <v>33</v>
      </c>
      <c r="C195" s="118"/>
      <c r="D195" s="118"/>
      <c r="F195" s="27"/>
    </row>
    <row r="196" spans="2:7" s="3" customFormat="1" ht="24.95" customHeight="1" x14ac:dyDescent="0.25">
      <c r="B196" s="26" t="s">
        <v>34</v>
      </c>
      <c r="C196" s="118"/>
      <c r="D196" s="118"/>
      <c r="E196" s="2"/>
      <c r="F196" s="28"/>
      <c r="G196" s="2"/>
    </row>
    <row r="197" spans="2:7" s="2" customFormat="1" ht="14.25" customHeight="1" x14ac:dyDescent="0.2">
      <c r="B197" s="11"/>
      <c r="C197" s="12"/>
      <c r="D197" s="12"/>
      <c r="F197" s="29"/>
    </row>
    <row r="198" spans="2:7" s="3" customFormat="1" ht="15" customHeight="1" x14ac:dyDescent="0.25">
      <c r="B198" s="122" t="s">
        <v>35</v>
      </c>
      <c r="C198" s="122"/>
      <c r="D198" s="122"/>
      <c r="E198" s="122"/>
      <c r="F198" s="122"/>
    </row>
    <row r="199" spans="2:7" s="2" customFormat="1" ht="36.75" customHeight="1" x14ac:dyDescent="0.25">
      <c r="B199" s="119" t="s">
        <v>46</v>
      </c>
      <c r="C199" s="119"/>
      <c r="D199" s="119"/>
      <c r="E199" s="119"/>
      <c r="F199" s="119"/>
    </row>
    <row r="200" spans="2:7" s="2" customFormat="1" ht="12" customHeight="1" x14ac:dyDescent="0.2">
      <c r="B200" s="1"/>
      <c r="C200" s="1"/>
      <c r="D200" s="8"/>
      <c r="E200" s="8"/>
    </row>
    <row r="201" spans="2:7" s="3" customFormat="1" ht="4.5" customHeight="1" x14ac:dyDescent="0.2">
      <c r="B201" s="1"/>
      <c r="C201" s="1"/>
      <c r="D201" s="8"/>
      <c r="E201" s="8"/>
      <c r="F201" s="2"/>
    </row>
    <row r="202" spans="2:7" s="3" customFormat="1" ht="20.100000000000001" customHeight="1" x14ac:dyDescent="0.25">
      <c r="B202" s="30" t="s">
        <v>36</v>
      </c>
      <c r="C202" s="70"/>
      <c r="D202" s="31" t="s">
        <v>37</v>
      </c>
      <c r="E202" s="116"/>
      <c r="F202" s="116"/>
    </row>
    <row r="203" spans="2:7" s="3" customFormat="1" ht="20.100000000000001" customHeight="1" x14ac:dyDescent="0.25">
      <c r="B203" s="32"/>
      <c r="C203" s="32"/>
      <c r="D203" s="32"/>
      <c r="E203" s="33"/>
      <c r="F203" s="33"/>
    </row>
    <row r="204" spans="2:7" ht="20.100000000000001" customHeight="1" x14ac:dyDescent="0.2">
      <c r="B204" s="30" t="s">
        <v>38</v>
      </c>
      <c r="C204" s="70"/>
      <c r="D204" s="34" t="s">
        <v>39</v>
      </c>
      <c r="E204" s="117"/>
      <c r="F204" s="117"/>
    </row>
    <row r="205" spans="2:7" s="2" customFormat="1" ht="20.100000000000001" customHeight="1" x14ac:dyDescent="0.2">
      <c r="B205" s="1"/>
      <c r="C205" s="1"/>
      <c r="D205" s="34" t="s">
        <v>40</v>
      </c>
      <c r="E205" s="118"/>
      <c r="F205" s="118"/>
    </row>
    <row r="206" spans="2:7" s="2" customFormat="1" ht="20.100000000000001" customHeight="1" x14ac:dyDescent="0.2">
      <c r="B206" s="1"/>
      <c r="C206" s="1"/>
      <c r="D206" s="35" t="s">
        <v>41</v>
      </c>
      <c r="E206" s="1"/>
    </row>
    <row r="207" spans="2:7" s="2" customFormat="1" ht="37.5" customHeight="1" x14ac:dyDescent="0.25"/>
    <row r="208" spans="2:7" s="2" customFormat="1" ht="24" customHeight="1" x14ac:dyDescent="0.25"/>
    <row r="209" spans="2:5" s="2" customFormat="1" ht="24" customHeight="1" x14ac:dyDescent="0.25"/>
    <row r="210" spans="2:5" s="2" customFormat="1" ht="24" customHeight="1" x14ac:dyDescent="0.25"/>
    <row r="211" spans="2:5" s="2" customFormat="1" ht="20.100000000000001" customHeight="1" x14ac:dyDescent="0.25"/>
    <row r="212" spans="2:5" s="2" customFormat="1" ht="20.100000000000001" customHeight="1" x14ac:dyDescent="0.25"/>
    <row r="213" spans="2:5" s="2" customFormat="1" ht="50.1" customHeight="1" x14ac:dyDescent="0.25"/>
    <row r="214" spans="2:5" s="2" customFormat="1" ht="43.5" customHeight="1" x14ac:dyDescent="0.25"/>
    <row r="215" spans="2:5" ht="24.75" customHeight="1" x14ac:dyDescent="0.2">
      <c r="B215" s="2"/>
      <c r="C215" s="2"/>
      <c r="D215" s="2"/>
      <c r="E215" s="2"/>
    </row>
    <row r="216" spans="2:5" x14ac:dyDescent="0.2">
      <c r="B216" s="2"/>
      <c r="C216" s="2"/>
      <c r="D216" s="2"/>
      <c r="E216" s="2"/>
    </row>
    <row r="217" spans="2:5" ht="20.100000000000001" customHeight="1" x14ac:dyDescent="0.2"/>
    <row r="218" spans="2:5" ht="4.5" customHeight="1" x14ac:dyDescent="0.2"/>
    <row r="219" spans="2:5" ht="20.100000000000001" customHeight="1" x14ac:dyDescent="0.2"/>
    <row r="220" spans="2:5" ht="20.100000000000001" customHeight="1" x14ac:dyDescent="0.2"/>
    <row r="221" spans="2:5" ht="20.100000000000001" customHeight="1" x14ac:dyDescent="0.2"/>
  </sheetData>
  <mergeCells count="167">
    <mergeCell ref="B20:D20"/>
    <mergeCell ref="D151:F151"/>
    <mergeCell ref="E152:F152"/>
    <mergeCell ref="B39:F39"/>
    <mergeCell ref="B135:C135"/>
    <mergeCell ref="E135:F135"/>
    <mergeCell ref="E142:F142"/>
    <mergeCell ref="E87:F87"/>
    <mergeCell ref="B87:C87"/>
    <mergeCell ref="E79:F79"/>
    <mergeCell ref="B151:C152"/>
    <mergeCell ref="C28:D28"/>
    <mergeCell ref="C29:D29"/>
    <mergeCell ref="E95:F95"/>
    <mergeCell ref="E101:F101"/>
    <mergeCell ref="E100:F100"/>
    <mergeCell ref="E99:F99"/>
    <mergeCell ref="E108:F108"/>
    <mergeCell ref="E107:F107"/>
    <mergeCell ref="D37:F37"/>
    <mergeCell ref="E38:F38"/>
    <mergeCell ref="E90:F90"/>
    <mergeCell ref="E91:F91"/>
    <mergeCell ref="E89:F89"/>
    <mergeCell ref="E161:F161"/>
    <mergeCell ref="E153:F153"/>
    <mergeCell ref="E157:F157"/>
    <mergeCell ref="E9:F9"/>
    <mergeCell ref="E41:F41"/>
    <mergeCell ref="E42:F42"/>
    <mergeCell ref="E134:F134"/>
    <mergeCell ref="E133:F133"/>
    <mergeCell ref="E132:F132"/>
    <mergeCell ref="E131:F131"/>
    <mergeCell ref="E130:F130"/>
    <mergeCell ref="E129:F129"/>
    <mergeCell ref="E128:F128"/>
    <mergeCell ref="E127:F127"/>
    <mergeCell ref="E123:F123"/>
    <mergeCell ref="E122:F122"/>
    <mergeCell ref="E121:F121"/>
    <mergeCell ref="E136:F136"/>
    <mergeCell ref="E137:F137"/>
    <mergeCell ref="E138:F138"/>
    <mergeCell ref="E139:F139"/>
    <mergeCell ref="E140:F140"/>
    <mergeCell ref="E141:F141"/>
    <mergeCell ref="E96:F96"/>
    <mergeCell ref="B184:F184"/>
    <mergeCell ref="B2:F2"/>
    <mergeCell ref="B1:F1"/>
    <mergeCell ref="B23:C23"/>
    <mergeCell ref="B26:C26"/>
    <mergeCell ref="B21:F21"/>
    <mergeCell ref="B16:D16"/>
    <mergeCell ref="B17:D17"/>
    <mergeCell ref="B18:F18"/>
    <mergeCell ref="B3:F3"/>
    <mergeCell ref="B7:F7"/>
    <mergeCell ref="B8:F8"/>
    <mergeCell ref="B11:F11"/>
    <mergeCell ref="B12:D12"/>
    <mergeCell ref="B9:D9"/>
    <mergeCell ref="B13:D13"/>
    <mergeCell ref="E159:F159"/>
    <mergeCell ref="E160:F160"/>
    <mergeCell ref="B19:F19"/>
    <mergeCell ref="E154:F154"/>
    <mergeCell ref="E155:F155"/>
    <mergeCell ref="E156:F156"/>
    <mergeCell ref="E158:F158"/>
    <mergeCell ref="B149:F149"/>
    <mergeCell ref="B186:C187"/>
    <mergeCell ref="D186:F186"/>
    <mergeCell ref="E187:F187"/>
    <mergeCell ref="E202:F202"/>
    <mergeCell ref="E204:F204"/>
    <mergeCell ref="E205:F205"/>
    <mergeCell ref="B199:F199"/>
    <mergeCell ref="B190:F190"/>
    <mergeCell ref="C191:F191"/>
    <mergeCell ref="B192:E192"/>
    <mergeCell ref="B198:F198"/>
    <mergeCell ref="C193:D193"/>
    <mergeCell ref="C194:D194"/>
    <mergeCell ref="C195:D195"/>
    <mergeCell ref="C196:D196"/>
    <mergeCell ref="E188:F188"/>
    <mergeCell ref="B22:F22"/>
    <mergeCell ref="C27:D27"/>
    <mergeCell ref="B31:C31"/>
    <mergeCell ref="E40:F40"/>
    <mergeCell ref="B35:F35"/>
    <mergeCell ref="B37:C38"/>
    <mergeCell ref="E88:F88"/>
    <mergeCell ref="E86:F86"/>
    <mergeCell ref="E85:F85"/>
    <mergeCell ref="E84:F84"/>
    <mergeCell ref="E83:F83"/>
    <mergeCell ref="E66:F66"/>
    <mergeCell ref="E65:F65"/>
    <mergeCell ref="E64:F64"/>
    <mergeCell ref="E63:F63"/>
    <mergeCell ref="E62:F62"/>
    <mergeCell ref="E71:F71"/>
    <mergeCell ref="E70:F70"/>
    <mergeCell ref="E69:F69"/>
    <mergeCell ref="E68:F68"/>
    <mergeCell ref="E67:F67"/>
    <mergeCell ref="E126:F126"/>
    <mergeCell ref="E125:F125"/>
    <mergeCell ref="E124:F124"/>
    <mergeCell ref="E115:F115"/>
    <mergeCell ref="E106:F106"/>
    <mergeCell ref="E105:F105"/>
    <mergeCell ref="E104:F104"/>
    <mergeCell ref="E103:F103"/>
    <mergeCell ref="E102:F102"/>
    <mergeCell ref="E110:F110"/>
    <mergeCell ref="E114:F114"/>
    <mergeCell ref="E113:F113"/>
    <mergeCell ref="E112:F112"/>
    <mergeCell ref="E111:F111"/>
    <mergeCell ref="E119:F119"/>
    <mergeCell ref="E120:F120"/>
    <mergeCell ref="E118:F118"/>
    <mergeCell ref="E117:F117"/>
    <mergeCell ref="E116:F116"/>
    <mergeCell ref="E57:F57"/>
    <mergeCell ref="E109:F109"/>
    <mergeCell ref="E76:F76"/>
    <mergeCell ref="E75:F75"/>
    <mergeCell ref="E74:F74"/>
    <mergeCell ref="E73:F73"/>
    <mergeCell ref="E72:F72"/>
    <mergeCell ref="E82:F82"/>
    <mergeCell ref="E81:F81"/>
    <mergeCell ref="E78:F78"/>
    <mergeCell ref="E77:F77"/>
    <mergeCell ref="E97:F97"/>
    <mergeCell ref="E92:F92"/>
    <mergeCell ref="E98:F98"/>
    <mergeCell ref="E94:F94"/>
    <mergeCell ref="E93:F93"/>
    <mergeCell ref="E143:F143"/>
    <mergeCell ref="E144:F144"/>
    <mergeCell ref="E145:F145"/>
    <mergeCell ref="E146:F146"/>
    <mergeCell ref="E147:F147"/>
    <mergeCell ref="E51:F51"/>
    <mergeCell ref="E43:F43"/>
    <mergeCell ref="E44:F44"/>
    <mergeCell ref="E45:F45"/>
    <mergeCell ref="E46:F46"/>
    <mergeCell ref="E47:F47"/>
    <mergeCell ref="E48:F48"/>
    <mergeCell ref="E49:F49"/>
    <mergeCell ref="E50:F50"/>
    <mergeCell ref="E56:F56"/>
    <mergeCell ref="E55:F55"/>
    <mergeCell ref="E54:F54"/>
    <mergeCell ref="E53:F53"/>
    <mergeCell ref="E52:F52"/>
    <mergeCell ref="E61:F61"/>
    <mergeCell ref="E60:F60"/>
    <mergeCell ref="E59:F59"/>
    <mergeCell ref="E58:F58"/>
  </mergeCells>
  <conditionalFormatting sqref="D162:D182 D153:D160 D188">
    <cfRule type="containsBlanks" dxfId="11" priority="123">
      <formula>LEN(TRIM(D153))=0</formula>
    </cfRule>
  </conditionalFormatting>
  <conditionalFormatting sqref="E204:F204">
    <cfRule type="containsBlanks" dxfId="10" priority="122">
      <formula>LEN(TRIM(E204))=0</formula>
    </cfRule>
  </conditionalFormatting>
  <conditionalFormatting sqref="C202">
    <cfRule type="containsBlanks" dxfId="9" priority="120">
      <formula>LEN(TRIM(C202))=0</formula>
    </cfRule>
  </conditionalFormatting>
  <conditionalFormatting sqref="E205:F205">
    <cfRule type="containsBlanks" dxfId="8" priority="121">
      <formula>LEN(TRIM(E205))=0</formula>
    </cfRule>
  </conditionalFormatting>
  <conditionalFormatting sqref="C204">
    <cfRule type="containsBlanks" dxfId="7" priority="119">
      <formula>LEN(TRIM(C204))=0</formula>
    </cfRule>
  </conditionalFormatting>
  <conditionalFormatting sqref="C4:C5">
    <cfRule type="containsBlanks" dxfId="6" priority="118">
      <formula>LEN(TRIM(C4))=0</formula>
    </cfRule>
  </conditionalFormatting>
  <conditionalFormatting sqref="C195:D195">
    <cfRule type="containsBlanks" dxfId="5" priority="108">
      <formula>LEN(TRIM(C195))=0</formula>
    </cfRule>
  </conditionalFormatting>
  <conditionalFormatting sqref="C194:D194">
    <cfRule type="containsBlanks" dxfId="4" priority="59">
      <formula>LEN(TRIM(C194))=0</formula>
    </cfRule>
  </conditionalFormatting>
  <conditionalFormatting sqref="C193:D193">
    <cfRule type="containsBlanks" dxfId="3" priority="58">
      <formula>LEN(TRIM(C193))=0</formula>
    </cfRule>
  </conditionalFormatting>
  <conditionalFormatting sqref="C196:D196">
    <cfRule type="containsBlanks" dxfId="2" priority="57">
      <formula>LEN(TRIM(C196))=0</formula>
    </cfRule>
  </conditionalFormatting>
  <conditionalFormatting sqref="D161">
    <cfRule type="containsBlanks" dxfId="1" priority="5">
      <formula>LEN(TRIM(D161))=0</formula>
    </cfRule>
  </conditionalFormatting>
  <conditionalFormatting sqref="D40:D86 D88:D134 D136:D141 D143:D147">
    <cfRule type="containsBlanks" dxfId="0" priority="3">
      <formula>LEN(TRIM(D40))=0</formula>
    </cfRule>
  </conditionalFormatting>
  <printOptions horizontalCentered="1"/>
  <pageMargins left="0.70866141732283472" right="0.70866141732283472" top="0.9055118110236221" bottom="0.74803149606299213" header="0.31496062992125984" footer="0.31496062992125984"/>
  <pageSetup paperSize="9" scale="62"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51" min="1" max="5" man="1"/>
    <brk id="99" min="1" max="5" man="1"/>
    <brk id="141" min="1" max="5" man="1"/>
    <brk id="171" min="1" max="5" man="1"/>
    <brk id="182" min="1" max="5" man="1"/>
  </rowBreaks>
  <ignoredErrors>
    <ignoredError sqref="B101:B105" twoDigitTextYear="1"/>
  </ignoredError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1-14T07:56:08Z</cp:lastPrinted>
  <dcterms:created xsi:type="dcterms:W3CDTF">2017-04-21T05:51:15Z</dcterms:created>
  <dcterms:modified xsi:type="dcterms:W3CDTF">2022-01-14T07:56:25Z</dcterms:modified>
</cp:coreProperties>
</file>